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</p:sldMasterIdLst>
  <p:notesMasterIdLst>
    <p:notesMasterId r:id="rId4"/>
  </p:notesMasterIdLst>
  <p:sldIdLst>
    <p:sldId id="268" r:id="rId2"/>
    <p:sldId id="96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  <a:srgbClr val="E9EEF2"/>
    <a:srgbClr val="81955B"/>
    <a:srgbClr val="E8EEF8"/>
    <a:srgbClr val="4D355D"/>
    <a:srgbClr val="A485B9"/>
    <a:srgbClr val="618197"/>
    <a:srgbClr val="6F6F74"/>
    <a:srgbClr val="7C7B7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DD6015A-3F90-4723-BAFE-D22DB9746D12}" v="4" dt="2019-10-22T15:15:10.97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09" d="100"/>
          <a:sy n="109" d="100"/>
        </p:scale>
        <p:origin x="114" y="13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9316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5075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7270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0769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36292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8050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19928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3402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36567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0878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069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6AC3B0-CB85-40CE-8E40-078D7E0039DD}" type="datetimeFigureOut">
              <a:rPr lang="en-US" smtClean="0"/>
              <a:t>10/2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9400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image" Target="../media/image3.png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7c21b9d0849c4bca94c2f6458ca272ef_BackgroundRectangle">
            <a:extLst>
              <a:ext uri="{FF2B5EF4-FFF2-40B4-BE49-F238E27FC236}">
                <a16:creationId xmlns:a16="http://schemas.microsoft.com/office/drawing/2014/main" id="{CC45C697-D490-419C-9A95-2636C11B220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81480"/>
            <a:ext cx="11201400" cy="164888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93863"/>
            <a:ext cx="11201400" cy="14420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a6b291b9f3134548847ec52cf049f87b_BackgroundRectangle">
            <a:extLst>
              <a:ext uri="{FF2B5EF4-FFF2-40B4-BE49-F238E27FC236}">
                <a16:creationId xmlns:a16="http://schemas.microsoft.com/office/drawing/2014/main" id="{2D4F20FA-7B70-429E-8B36-B1CC04A70AB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899406"/>
            <a:ext cx="11201400" cy="872575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:a16="http://schemas.microsoft.com/office/drawing/2014/main" id="{7BA13860-D243-4688-A0E2-DE88EECBFCF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835481"/>
            <a:ext cx="11201400" cy="714756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2ac3d217141b4b59ba2af3450ead0df1_BackgroundRectangle" hidden="1">
            <a:extLst>
              <a:ext uri="{FF2B5EF4-FFF2-40B4-BE49-F238E27FC236}">
                <a16:creationId xmlns:a16="http://schemas.microsoft.com/office/drawing/2014/main" id="{DC051CB5-8B84-7C52-5057-ACDA986E618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6365" y="1681480"/>
            <a:ext cx="10464800" cy="164888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2A_b84b8b15ec0b41f382b065931db90cd5_BackgroundRectangle" hidden="1">
            <a:extLst>
              <a:ext uri="{FF2B5EF4-FFF2-40B4-BE49-F238E27FC236}">
                <a16:creationId xmlns:a16="http://schemas.microsoft.com/office/drawing/2014/main" id="{5299EC1F-82E8-1247-E2B7-4FF8170D1EC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6365" y="3393863"/>
            <a:ext cx="10464800" cy="14420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" name="OTLSHAPE_SL2A_43ce7ecbf9064e8b9fcedf7049765199_BackgroundRectangle" hidden="1">
            <a:extLst>
              <a:ext uri="{FF2B5EF4-FFF2-40B4-BE49-F238E27FC236}">
                <a16:creationId xmlns:a16="http://schemas.microsoft.com/office/drawing/2014/main" id="{26B1130D-05EE-2F17-0760-F317B65B4A7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6365" y="4899406"/>
            <a:ext cx="10464800" cy="8725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SL2A_ea6961deaa8742f8a105d941eec49adf_BackgroundRectangle" hidden="1">
            <a:extLst>
              <a:ext uri="{FF2B5EF4-FFF2-40B4-BE49-F238E27FC236}">
                <a16:creationId xmlns:a16="http://schemas.microsoft.com/office/drawing/2014/main" id="{F644D415-E220-07DB-5876-973BB0C0CBB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6365" y="5835481"/>
            <a:ext cx="10464800" cy="7147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TB_00000000000000000000000000000000_LeftEndCaps" hidden="1">
            <a:extLst>
              <a:ext uri="{FF2B5EF4-FFF2-40B4-BE49-F238E27FC236}">
                <a16:creationId xmlns:a16="http://schemas.microsoft.com/office/drawing/2014/main" id="{F6F1D2D0-CA80-5B7B-49C0-048FB267C67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6" name="OTLSHAPE_TB_00000000000000000000000000000000_RightEndCaps" hidden="1">
            <a:extLst>
              <a:ext uri="{FF2B5EF4-FFF2-40B4-BE49-F238E27FC236}">
                <a16:creationId xmlns:a16="http://schemas.microsoft.com/office/drawing/2014/main" id="{1C60D82C-4182-BD45-2104-048C7062148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33365" y="10972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681480"/>
            <a:ext cx="749300" cy="1648883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393863"/>
            <a:ext cx="749300" cy="14420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:a16="http://schemas.microsoft.com/office/drawing/2014/main" id="{B56E05F9-C635-4E88-9EEF-7A9E36485C4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899406"/>
            <a:ext cx="749300" cy="872575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:a16="http://schemas.microsoft.com/office/drawing/2014/main" id="{B88DFAF3-5022-4F35-AAA2-1AF6595671D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835481"/>
            <a:ext cx="749300" cy="714756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2A_2ac3d217141b4b59ba2af3450ead0df1_HeaderRectangle" hidden="1">
            <a:extLst>
              <a:ext uri="{FF2B5EF4-FFF2-40B4-BE49-F238E27FC236}">
                <a16:creationId xmlns:a16="http://schemas.microsoft.com/office/drawing/2014/main" id="{A8267E11-92AD-10D2-09E5-E45375F3435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06365" y="1681480"/>
            <a:ext cx="0" cy="0"/>
          </a:xfrm>
          <a:prstGeom prst="rect">
            <a:avLst/>
          </a:prstGeom>
          <a:solidFill>
            <a:schemeClr val="dk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" name="OTLSHAPE_SL2A_b84b8b15ec0b41f382b065931db90cd5_HeaderRectangle" hidden="1">
            <a:extLst>
              <a:ext uri="{FF2B5EF4-FFF2-40B4-BE49-F238E27FC236}">
                <a16:creationId xmlns:a16="http://schemas.microsoft.com/office/drawing/2014/main" id="{18DF1A57-4681-E72D-D7AA-889FBACD4C7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06365" y="3393863"/>
            <a:ext cx="0" cy="0"/>
          </a:xfrm>
          <a:prstGeom prst="rect">
            <a:avLst/>
          </a:prstGeom>
          <a:solidFill>
            <a:schemeClr val="dk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" name="OTLSHAPE_SL2A_43ce7ecbf9064e8b9fcedf7049765199_HeaderRectangle" hidden="1">
            <a:extLst>
              <a:ext uri="{FF2B5EF4-FFF2-40B4-BE49-F238E27FC236}">
                <a16:creationId xmlns:a16="http://schemas.microsoft.com/office/drawing/2014/main" id="{ED92604E-5560-F28A-F13D-662D776C0F8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06365" y="4899406"/>
            <a:ext cx="0" cy="0"/>
          </a:xfrm>
          <a:prstGeom prst="rect">
            <a:avLst/>
          </a:prstGeom>
          <a:solidFill>
            <a:schemeClr val="dk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5" name="OTLSHAPE_SL2A_ea6961deaa8742f8a105d941eec49adf_HeaderRectangle" hidden="1">
            <a:extLst>
              <a:ext uri="{FF2B5EF4-FFF2-40B4-BE49-F238E27FC236}">
                <a16:creationId xmlns:a16="http://schemas.microsoft.com/office/drawing/2014/main" id="{37E527CF-0A93-F5A0-E958-E8F4A88DACE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06365" y="5835481"/>
            <a:ext cx="0" cy="0"/>
          </a:xfrm>
          <a:prstGeom prst="rect">
            <a:avLst/>
          </a:prstGeom>
          <a:solidFill>
            <a:schemeClr val="dk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011975" y="1478280"/>
            <a:ext cx="0" cy="507195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090585" y="1478280"/>
            <a:ext cx="0" cy="507195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124008" y="1478280"/>
            <a:ext cx="0" cy="507195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180025" y="1478280"/>
            <a:ext cx="0" cy="507195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b73ad38723d84eb99574edc4c455c3b0_Shape">
            <a:extLst>
              <a:ext uri="{FF2B5EF4-FFF2-40B4-BE49-F238E27FC236}">
                <a16:creationId xmlns:a16="http://schemas.microsoft.com/office/drawing/2014/main" id="{5932E4DB-D253-4E31-A82D-783AD494D9E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706495" y="2273723"/>
            <a:ext cx="6210300" cy="17051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1fb5c9bea8d7491e93ab109404a0a91b_Shape">
            <a:extLst>
              <a:ext uri="{FF2B5EF4-FFF2-40B4-BE49-F238E27FC236}">
                <a16:creationId xmlns:a16="http://schemas.microsoft.com/office/drawing/2014/main" id="{35332D16-6794-4A64-A8EC-D456AF3225E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063045" y="2524083"/>
            <a:ext cx="2159000" cy="170519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8" name="OTLSHAPE_SLT_cff1771b3adf435092272a1b386dd90f_Shape">
            <a:extLst>
              <a:ext uri="{FF2B5EF4-FFF2-40B4-BE49-F238E27FC236}">
                <a16:creationId xmlns:a16="http://schemas.microsoft.com/office/drawing/2014/main" id="{202C56B0-7D24-4A06-A793-195F6D4F7EA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175078" y="2524083"/>
            <a:ext cx="1028700" cy="17051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T_5f80df6430964df28eaae672b3613460_Shape">
            <a:extLst>
              <a:ext uri="{FF2B5EF4-FFF2-40B4-BE49-F238E27FC236}">
                <a16:creationId xmlns:a16="http://schemas.microsoft.com/office/drawing/2014/main" id="{8BB8B4F1-7AA6-4BF0-8267-6B0AE5CA7A7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966788" y="3121745"/>
            <a:ext cx="2768600" cy="17051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e29fb8690b6043e6b8b49ec05b550ba3_Shape">
            <a:extLst>
              <a:ext uri="{FF2B5EF4-FFF2-40B4-BE49-F238E27FC236}">
                <a16:creationId xmlns:a16="http://schemas.microsoft.com/office/drawing/2014/main" id="{9A477AD3-B119-402E-8E76-EABF59C9A5E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801816" y="3121745"/>
            <a:ext cx="2057400" cy="170519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27082" y="3431963"/>
            <a:ext cx="2552700" cy="17051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" name="OTLSHAPE_SLT_9832540cc3dc4925bd1c95b6f52324ef_Shape">
            <a:extLst>
              <a:ext uri="{FF2B5EF4-FFF2-40B4-BE49-F238E27FC236}">
                <a16:creationId xmlns:a16="http://schemas.microsoft.com/office/drawing/2014/main" id="{020E4636-2493-4E0E-9185-3201E75D0CF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932430" y="3431963"/>
            <a:ext cx="3086100" cy="170519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76255002f5184bd182c82aba681ff4da_Shape">
            <a:extLst>
              <a:ext uri="{FF2B5EF4-FFF2-40B4-BE49-F238E27FC236}">
                <a16:creationId xmlns:a16="http://schemas.microsoft.com/office/drawing/2014/main" id="{295DCDCD-28AA-4C81-B552-28828B25E65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779222" y="3640582"/>
            <a:ext cx="3403600" cy="17051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:a16="http://schemas.microsoft.com/office/drawing/2014/main" id="{5B2BC97F-A100-45D4-8266-1AD2E7AF9B6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334168" y="3640582"/>
            <a:ext cx="2324100" cy="17051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6" name="OTLSHAPE_SLT_e4cbea8a20574bc2be24a37a5d11c7f3_Shape">
            <a:extLst>
              <a:ext uri="{FF2B5EF4-FFF2-40B4-BE49-F238E27FC236}">
                <a16:creationId xmlns:a16="http://schemas.microsoft.com/office/drawing/2014/main" id="{B12DAFFA-D5F3-4FEE-8A18-65C6DAA7F93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418660" y="4627287"/>
            <a:ext cx="3162300" cy="170519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T_4850e451315d454480d4f5e83e7fbf8a_Shape">
            <a:extLst>
              <a:ext uri="{FF2B5EF4-FFF2-40B4-BE49-F238E27FC236}">
                <a16:creationId xmlns:a16="http://schemas.microsoft.com/office/drawing/2014/main" id="{79831678-E107-4502-87E0-30D2EEC0820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056227" y="4627287"/>
            <a:ext cx="2997200" cy="170519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:a16="http://schemas.microsoft.com/office/drawing/2014/main" id="{7D6085F5-FC26-4859-8202-DC743C547DE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920666" y="4937506"/>
            <a:ext cx="2324100" cy="170519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0" name="OTLSHAPE_SLT_c000b33856c3457e97ac83843b46348a_Shape">
            <a:extLst>
              <a:ext uri="{FF2B5EF4-FFF2-40B4-BE49-F238E27FC236}">
                <a16:creationId xmlns:a16="http://schemas.microsoft.com/office/drawing/2014/main" id="{7BD5F187-52BF-460F-9E33-BD399C1B377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576815" y="4937506"/>
            <a:ext cx="10541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476dc15cfd73469d994d548089c2f562_Shape">
            <a:extLst>
              <a:ext uri="{FF2B5EF4-FFF2-40B4-BE49-F238E27FC236}">
                <a16:creationId xmlns:a16="http://schemas.microsoft.com/office/drawing/2014/main" id="{C011EB32-C4D2-413E-94F5-6CA8056D259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847003" y="5146125"/>
            <a:ext cx="22352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8977120edb6b40b492b0ae0f5a477737_Shape">
            <a:extLst>
              <a:ext uri="{FF2B5EF4-FFF2-40B4-BE49-F238E27FC236}">
                <a16:creationId xmlns:a16="http://schemas.microsoft.com/office/drawing/2014/main" id="{899CC3A1-59A0-4CBF-891C-EDA3D8A936E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864650" y="5146125"/>
            <a:ext cx="23495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b3b24f30dd09423f88609133eedceb09_Shape">
            <a:extLst>
              <a:ext uri="{FF2B5EF4-FFF2-40B4-BE49-F238E27FC236}">
                <a16:creationId xmlns:a16="http://schemas.microsoft.com/office/drawing/2014/main" id="{949C4B6E-438D-49EA-B940-E6ABA9055DC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769328" y="5354743"/>
            <a:ext cx="3175000" cy="170519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2" name="OTLSHAPE_SLT_9a18ac7336a64b5cb5fe9b4dc3835343_Shape">
            <a:extLst>
              <a:ext uri="{FF2B5EF4-FFF2-40B4-BE49-F238E27FC236}">
                <a16:creationId xmlns:a16="http://schemas.microsoft.com/office/drawing/2014/main" id="{7ACE2104-E017-4B07-8ABA-A0AEEB916BD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225212" y="5563362"/>
            <a:ext cx="19431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:a16="http://schemas.microsoft.com/office/drawing/2014/main" id="{D06EB1C5-F2E2-4487-AED6-5802C050E6F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236976" y="5873581"/>
            <a:ext cx="1778000" cy="170519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8" name="OTLSHAPE_SLT_ce0ca17e04854e11bf2b856944de1687_Shape">
            <a:extLst>
              <a:ext uri="{FF2B5EF4-FFF2-40B4-BE49-F238E27FC236}">
                <a16:creationId xmlns:a16="http://schemas.microsoft.com/office/drawing/2014/main" id="{3CA20A62-51CC-4705-A08D-BFFB5DA08D4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457965" y="6107599"/>
            <a:ext cx="2387600" cy="170519"/>
          </a:xfrm>
          <a:prstGeom prst="chevron">
            <a:avLst/>
          </a:prstGeom>
          <a:solidFill>
            <a:srgbClr val="E4D4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:a16="http://schemas.microsoft.com/office/drawing/2014/main" id="{42C4C092-26D4-49AC-8E5F-C9FECC174EC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892190" y="6107599"/>
            <a:ext cx="2298700" cy="170519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4" name="OTLSHAPE_SLT_7b84b718e11f4f268861d3782ad6ec3d_Shape">
            <a:extLst>
              <a:ext uri="{FF2B5EF4-FFF2-40B4-BE49-F238E27FC236}">
                <a16:creationId xmlns:a16="http://schemas.microsoft.com/office/drawing/2014/main" id="{9A32399E-6C42-4D59-A024-5378BC5D3E0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814515" y="6341618"/>
            <a:ext cx="2387600" cy="170519"/>
          </a:xfrm>
          <a:prstGeom prst="chevron">
            <a:avLst/>
          </a:prstGeom>
          <a:solidFill>
            <a:srgbClr val="E4D4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OTLSHAPE_SLT_1fb5c9bea8d7491e93ab109404a0a91b_ShapePercentage">
            <a:extLst>
              <a:ext uri="{FF2B5EF4-FFF2-40B4-BE49-F238E27FC236}">
                <a16:creationId xmlns:a16="http://schemas.microsoft.com/office/drawing/2014/main" id="{3AED2259-CEFA-401E-8DA1-9E3F91FE310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063045" y="2524083"/>
            <a:ext cx="18415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6" name="OTLSHAPE_SLM_ae211bb397ba484ebb961567b8938a8e_Shape">
            <a:extLst>
              <a:ext uri="{FF2B5EF4-FFF2-40B4-BE49-F238E27FC236}">
                <a16:creationId xmlns:a16="http://schemas.microsoft.com/office/drawing/2014/main" id="{96212404-F3EA-4834-BE40-3EA8146DEE5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783289" y="2768473"/>
            <a:ext cx="228600" cy="254000"/>
          </a:xfrm>
          <a:prstGeom prst="downArrow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M_10f44ea0c1ef4b75a781f5845b910790_Shape">
            <a:extLst>
              <a:ext uri="{FF2B5EF4-FFF2-40B4-BE49-F238E27FC236}">
                <a16:creationId xmlns:a16="http://schemas.microsoft.com/office/drawing/2014/main" id="{CB6DA0CE-387F-4305-9578-95FD3C7AD2B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flipV="1">
            <a:off x="4415640" y="2806573"/>
            <a:ext cx="152400" cy="1778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T_e29fb8690b6043e6b8b49ec05b550ba3_ShapePercentage">
            <a:extLst>
              <a:ext uri="{FF2B5EF4-FFF2-40B4-BE49-F238E27FC236}">
                <a16:creationId xmlns:a16="http://schemas.microsoft.com/office/drawing/2014/main" id="{2BF841E9-C83D-42A9-BA9D-9C828314A63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801816" y="3121745"/>
            <a:ext cx="16383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9" name="OTLSHAPE_SLT_5fdc1ae17390491587eeb3e0a5701e86_ShapePercentage">
            <a:extLst>
              <a:ext uri="{FF2B5EF4-FFF2-40B4-BE49-F238E27FC236}">
                <a16:creationId xmlns:a16="http://schemas.microsoft.com/office/drawing/2014/main" id="{9E821318-FC33-4AA7-9D6F-BD829966CD5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27082" y="3431963"/>
            <a:ext cx="6477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" name="OTLSHAPE_SLT_76255002f5184bd182c82aba681ff4da_ShapePercentage">
            <a:extLst>
              <a:ext uri="{FF2B5EF4-FFF2-40B4-BE49-F238E27FC236}">
                <a16:creationId xmlns:a16="http://schemas.microsoft.com/office/drawing/2014/main" id="{AF6E4E70-09D6-477C-A8AE-AF796CDBC3B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779222" y="3640582"/>
            <a:ext cx="28956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6" name="OTLSHAPE_SLT_7b49690012f9431fa579863039774321_ShapePercentage">
            <a:extLst>
              <a:ext uri="{FF2B5EF4-FFF2-40B4-BE49-F238E27FC236}">
                <a16:creationId xmlns:a16="http://schemas.microsoft.com/office/drawing/2014/main" id="{34291ED7-AC1D-4DCC-BC3B-30B0EE51EFD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334168" y="3640582"/>
            <a:ext cx="17399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3" name="OTLSHAPE_SLT_fa7160ae8db649c4a586c26722e094ca_ShapePercentage">
            <a:extLst>
              <a:ext uri="{FF2B5EF4-FFF2-40B4-BE49-F238E27FC236}">
                <a16:creationId xmlns:a16="http://schemas.microsoft.com/office/drawing/2014/main" id="{D916B93A-746A-41EA-B4B2-93E5765AF40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920666" y="4937506"/>
            <a:ext cx="16256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75" name="OTLSHAPE_SLT_b3b24f30dd09423f88609133eedceb09_ShapePercentage">
            <a:extLst>
              <a:ext uri="{FF2B5EF4-FFF2-40B4-BE49-F238E27FC236}">
                <a16:creationId xmlns:a16="http://schemas.microsoft.com/office/drawing/2014/main" id="{F9D3FA93-6BD7-4758-B76F-8D07678217C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769328" y="5354743"/>
            <a:ext cx="27051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1" name="OTLSHAPE_SLT_f631a3c93f6048078ae9c87026bdb2a3_ShapePercentage">
            <a:extLst>
              <a:ext uri="{FF2B5EF4-FFF2-40B4-BE49-F238E27FC236}">
                <a16:creationId xmlns:a16="http://schemas.microsoft.com/office/drawing/2014/main" id="{0C09A8A4-F94B-4078-A107-C4EEA6531AC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236976" y="5873581"/>
            <a:ext cx="13335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9" name="OTLSHAPE_SLT_ce0ca17e04854e11bf2b856944de1687_ShapePercentage">
            <a:extLst>
              <a:ext uri="{FF2B5EF4-FFF2-40B4-BE49-F238E27FC236}">
                <a16:creationId xmlns:a16="http://schemas.microsoft.com/office/drawing/2014/main" id="{D97F0139-3818-4C13-9774-26DDA5B9752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457965" y="6107599"/>
            <a:ext cx="17907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7" name="OTLSHAPE_SLT_5d9d890d48fc4418822012084c459be1_ShapePercentage">
            <a:extLst>
              <a:ext uri="{FF2B5EF4-FFF2-40B4-BE49-F238E27FC236}">
                <a16:creationId xmlns:a16="http://schemas.microsoft.com/office/drawing/2014/main" id="{1737FE93-954C-411B-BB64-8C6F097E5E4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892190" y="6107599"/>
            <a:ext cx="18415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5" name="OTLSHAPE_SLT_7b84b718e11f4f268861d3782ad6ec3d_ShapePercentage">
            <a:extLst>
              <a:ext uri="{FF2B5EF4-FFF2-40B4-BE49-F238E27FC236}">
                <a16:creationId xmlns:a16="http://schemas.microsoft.com/office/drawing/2014/main" id="{4BC7D36B-FBAC-4A55-9A52-B44B537F367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814515" y="6341618"/>
            <a:ext cx="15494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8" name="OTLSHAPE_SLM_6a2853efba2544b29bb7e0be6e6d7822_Shape">
            <a:extLst>
              <a:ext uri="{FF2B5EF4-FFF2-40B4-BE49-F238E27FC236}">
                <a16:creationId xmlns:a16="http://schemas.microsoft.com/office/drawing/2014/main" id="{485E10F4-DA55-4214-A89D-1A3E628ADBD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309759" y="388497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M_717324f4944e4ae4af8f1a2d1a00869c_Shape">
            <a:extLst>
              <a:ext uri="{FF2B5EF4-FFF2-40B4-BE49-F238E27FC236}">
                <a16:creationId xmlns:a16="http://schemas.microsoft.com/office/drawing/2014/main" id="{208FB276-E0EA-4FCA-BF9F-4409AB81B5C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188769" y="4312116"/>
            <a:ext cx="152400" cy="177800"/>
          </a:xfrm>
          <a:prstGeom prst="downArrow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940E391B-74FE-E713-15A4-E9876F3CA8E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33365" y="1097280"/>
            <a:ext cx="0" cy="0"/>
          </a:xfrm>
          <a:prstGeom prst="rect">
            <a:avLst/>
          </a:prstGeom>
          <a:solidFill>
            <a:schemeClr val="dk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T_b73ad38723d84eb99574edc4c455c3b0_ShapePercentage" hidden="1">
            <a:extLst>
              <a:ext uri="{FF2B5EF4-FFF2-40B4-BE49-F238E27FC236}">
                <a16:creationId xmlns:a16="http://schemas.microsoft.com/office/drawing/2014/main" id="{2A7081A0-B9A5-7980-B5B2-473D0D67B513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706495" y="227372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SLT_cff1771b3adf435092272a1b386dd90f_ShapePercentage" hidden="1">
            <a:extLst>
              <a:ext uri="{FF2B5EF4-FFF2-40B4-BE49-F238E27FC236}">
                <a16:creationId xmlns:a16="http://schemas.microsoft.com/office/drawing/2014/main" id="{C3D4D274-C8E7-C9D6-5D87-24583CEFC598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175078" y="252408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OTLSHAPE_SLT_5f80df6430964df28eaae672b3613460_ShapePercentage" hidden="1">
            <a:extLst>
              <a:ext uri="{FF2B5EF4-FFF2-40B4-BE49-F238E27FC236}">
                <a16:creationId xmlns:a16="http://schemas.microsoft.com/office/drawing/2014/main" id="{3BC7207F-5742-AEA4-E762-87A9387C9383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966788" y="3121745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T_9832540cc3dc4925bd1c95b6f52324ef_ShapePercentage" hidden="1">
            <a:extLst>
              <a:ext uri="{FF2B5EF4-FFF2-40B4-BE49-F238E27FC236}">
                <a16:creationId xmlns:a16="http://schemas.microsoft.com/office/drawing/2014/main" id="{90EB09D3-BDE2-BB78-4299-61DEDCF69E5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932430" y="343196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T_e4cbea8a20574bc2be24a37a5d11c7f3_ShapePercentage" hidden="1">
            <a:extLst>
              <a:ext uri="{FF2B5EF4-FFF2-40B4-BE49-F238E27FC236}">
                <a16:creationId xmlns:a16="http://schemas.microsoft.com/office/drawing/2014/main" id="{CECAE2C2-A273-C576-A689-28660D2A2923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418660" y="4627287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SLT_4850e451315d454480d4f5e83e7fbf8a_ShapePercentage" hidden="1">
            <a:extLst>
              <a:ext uri="{FF2B5EF4-FFF2-40B4-BE49-F238E27FC236}">
                <a16:creationId xmlns:a16="http://schemas.microsoft.com/office/drawing/2014/main" id="{E45E9EF2-A8CF-B5EA-6244-484B4E431A63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056227" y="4627287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SLT_c000b33856c3457e97ac83843b46348a_ShapePercentage" hidden="1">
            <a:extLst>
              <a:ext uri="{FF2B5EF4-FFF2-40B4-BE49-F238E27FC236}">
                <a16:creationId xmlns:a16="http://schemas.microsoft.com/office/drawing/2014/main" id="{CE09C6DB-0400-D67F-D5FC-49682477346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576815" y="4937506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SLT_476dc15cfd73469d994d548089c2f562_ShapePercentage" hidden="1">
            <a:extLst>
              <a:ext uri="{FF2B5EF4-FFF2-40B4-BE49-F238E27FC236}">
                <a16:creationId xmlns:a16="http://schemas.microsoft.com/office/drawing/2014/main" id="{0320B41C-B91D-D6A8-DBCA-FB1BBC4ECB9B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847003" y="5146125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SLT_8977120edb6b40b492b0ae0f5a477737_ShapePercentage" hidden="1">
            <a:extLst>
              <a:ext uri="{FF2B5EF4-FFF2-40B4-BE49-F238E27FC236}">
                <a16:creationId xmlns:a16="http://schemas.microsoft.com/office/drawing/2014/main" id="{B7F719C5-2361-9C5F-3352-03FBCF66A768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864650" y="5146125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9" name="OTLSHAPE_SLT_9a18ac7336a64b5cb5fe9b4dc3835343_ShapePercentage" hidden="1">
            <a:extLst>
              <a:ext uri="{FF2B5EF4-FFF2-40B4-BE49-F238E27FC236}">
                <a16:creationId xmlns:a16="http://schemas.microsoft.com/office/drawing/2014/main" id="{E9646038-A586-F30E-D7A5-2C148074F3FB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225212" y="5563362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241289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Delivery</a:t>
            </a: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500" y="402185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Ops</a:t>
            </a: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:a16="http://schemas.microsoft.com/office/drawing/2014/main" id="{E7904867-8E9E-4C60-89CE-B600EB9C896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3500" y="524266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Risk Mgt</a:t>
            </a: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:a16="http://schemas.microsoft.com/office/drawing/2014/main" id="{26EB0043-B7A4-49CA-AD09-548FE65E600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609983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QoS</a:t>
            </a:r>
          </a:p>
        </p:txBody>
      </p:sp>
      <p:sp>
        <p:nvSpPr>
          <p:cNvPr id="53" name="OTLSHAPE_SL2A_2ac3d217141b4b59ba2af3450ead0df1_Header" hidden="1">
            <a:extLst>
              <a:ext uri="{FF2B5EF4-FFF2-40B4-BE49-F238E27FC236}">
                <a16:creationId xmlns:a16="http://schemas.microsoft.com/office/drawing/2014/main" id="{E37D120A-608B-1E0E-52CF-770E8DE855B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4" name="OTLSHAPE_SL2A_b84b8b15ec0b41f382b065931db90cd5_Header" hidden="1">
            <a:extLst>
              <a:ext uri="{FF2B5EF4-FFF2-40B4-BE49-F238E27FC236}">
                <a16:creationId xmlns:a16="http://schemas.microsoft.com/office/drawing/2014/main" id="{CEC85593-2757-330A-36A1-7D85B8A44E8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SL2A_43ce7ecbf9064e8b9fcedf7049765199_Header" hidden="1">
            <a:extLst>
              <a:ext uri="{FF2B5EF4-FFF2-40B4-BE49-F238E27FC236}">
                <a16:creationId xmlns:a16="http://schemas.microsoft.com/office/drawing/2014/main" id="{E1AB2836-B1D2-9629-86AF-09325ED94E7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6" name="OTLSHAPE_SL2A_ea6961deaa8742f8a105d941eec49adf_Header" hidden="1">
            <a:extLst>
              <a:ext uri="{FF2B5EF4-FFF2-40B4-BE49-F238E27FC236}">
                <a16:creationId xmlns:a16="http://schemas.microsoft.com/office/drawing/2014/main" id="{FDB1A5DC-DD4E-53B9-5AFA-A333E1B36B4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9977F507-B90C-5C3A-4FE9-63C3FC91B35E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984800" y="1478280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AA145D6-9D30-4EE6-AE30-0996DC44E99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96865" y="117925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075475" y="117925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DDE6CE8-6390-4132-81A9-A8F0C99D45D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154085" y="1070737"/>
            <a:ext cx="365485" cy="43408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>
                <a:solidFill>
                  <a:schemeClr val="dk1"/>
                </a:solidFill>
                <a:latin typeface="Calibri" panose="020F0502020204030204" pitchFamily="34" charset="0"/>
              </a:rPr>
              <a:t>Q1
202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7BDCADF-1F30-4396-A527-5516F720530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187509" y="117925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243525" y="117925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316940" y="2273723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516152" y="2524083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lt1"/>
                </a:solidFill>
                <a:latin typeface="Calibri" panose="020F0502020204030204" pitchFamily="34" charset="0"/>
              </a:rPr>
              <a:t>Consumption Metrics </a:t>
            </a:r>
          </a:p>
        </p:txBody>
      </p:sp>
      <p:sp>
        <p:nvSpPr>
          <p:cNvPr id="64" name="OTLSHAPE_SLT_cff1771b3adf435092272a1b386dd90f_Title">
            <a:extLst>
              <a:ext uri="{FF2B5EF4-FFF2-40B4-BE49-F238E27FC236}">
                <a16:creationId xmlns:a16="http://schemas.microsoft.com/office/drawing/2014/main" id="{79B5699C-1719-4919-9146-9AE9EB8F0BB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393820" y="2524083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Offloading</a:t>
            </a:r>
          </a:p>
        </p:txBody>
      </p:sp>
      <p:sp>
        <p:nvSpPr>
          <p:cNvPr id="67" name="OTLSHAPE_SLM_ae211bb397ba484ebb961567b8938a8e_Title">
            <a:extLst>
              <a:ext uri="{FF2B5EF4-FFF2-40B4-BE49-F238E27FC236}">
                <a16:creationId xmlns:a16="http://schemas.microsoft.com/office/drawing/2014/main" id="{CAF4E106-2A0B-4F5E-8AE8-28F77E13858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088303" y="273270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erf Check </a:t>
            </a:r>
          </a:p>
        </p:txBody>
      </p:sp>
      <p:sp>
        <p:nvSpPr>
          <p:cNvPr id="68" name="OTLSHAPE_SLM_ae211bb397ba484ebb961567b8938a8e_Date">
            <a:extLst>
              <a:ext uri="{FF2B5EF4-FFF2-40B4-BE49-F238E27FC236}">
                <a16:creationId xmlns:a16="http://schemas.microsoft.com/office/drawing/2014/main" id="{81CCA88E-212D-4F77-9E87-DAC84E66CAF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401062" y="290322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8</a:t>
            </a:r>
          </a:p>
        </p:txBody>
      </p:sp>
      <p:sp>
        <p:nvSpPr>
          <p:cNvPr id="70" name="OTLSHAPE_SLM_10f44ea0c1ef4b75a781f5845b910790_Title">
            <a:extLst>
              <a:ext uri="{FF2B5EF4-FFF2-40B4-BE49-F238E27FC236}">
                <a16:creationId xmlns:a16="http://schemas.microsoft.com/office/drawing/2014/main" id="{864BD094-C469-430E-A00A-CA5E5FDB6A0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928171" y="2732701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frames</a:t>
            </a:r>
          </a:p>
        </p:txBody>
      </p:sp>
      <p:sp>
        <p:nvSpPr>
          <p:cNvPr id="71" name="OTLSHAPE_SLM_10f44ea0c1ef4b75a781f5845b910790_Date">
            <a:extLst>
              <a:ext uri="{FF2B5EF4-FFF2-40B4-BE49-F238E27FC236}">
                <a16:creationId xmlns:a16="http://schemas.microsoft.com/office/drawing/2014/main" id="{363021B3-75B3-4797-ACEA-0C9597AF861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076677" y="290322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5</a:t>
            </a:r>
          </a:p>
        </p:txBody>
      </p:sp>
      <p:sp>
        <p:nvSpPr>
          <p:cNvPr id="78" name="OTLSHAPE_SLT_5f80df6430964df28eaae672b3613460_Title">
            <a:extLst>
              <a:ext uri="{FF2B5EF4-FFF2-40B4-BE49-F238E27FC236}">
                <a16:creationId xmlns:a16="http://schemas.microsoft.com/office/drawing/2014/main" id="{D4BB5F17-D4C7-4230-8BB9-323198362E1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842638" y="312174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DK Optimization </a:t>
            </a:r>
          </a:p>
        </p:txBody>
      </p:sp>
      <p:sp>
        <p:nvSpPr>
          <p:cNvPr id="86" name="OTLSHAPE_SLT_e29fb8690b6043e6b8b49ec05b550ba3_Title">
            <a:extLst>
              <a:ext uri="{FF2B5EF4-FFF2-40B4-BE49-F238E27FC236}">
                <a16:creationId xmlns:a16="http://schemas.microsoft.com/office/drawing/2014/main" id="{35C8255F-49AA-4ED5-ACB4-0C5E318919E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291170" y="312174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Load Performance </a:t>
            </a: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073212" y="3431963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ecurity Policy </a:t>
            </a:r>
          </a:p>
        </p:txBody>
      </p:sp>
      <p:sp>
        <p:nvSpPr>
          <p:cNvPr id="102" name="OTLSHAPE_SLT_9832540cc3dc4925bd1c95b6f52324ef_Title">
            <a:extLst>
              <a:ext uri="{FF2B5EF4-FFF2-40B4-BE49-F238E27FC236}">
                <a16:creationId xmlns:a16="http://schemas.microsoft.com/office/drawing/2014/main" id="{3F6B3911-6F16-4ADF-981B-34E0744B1CC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099742" y="343196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Conf Stations</a:t>
            </a:r>
          </a:p>
        </p:txBody>
      </p:sp>
      <p:sp>
        <p:nvSpPr>
          <p:cNvPr id="110" name="OTLSHAPE_SLT_76255002f5184bd182c82aba681ff4da_Title">
            <a:extLst>
              <a:ext uri="{FF2B5EF4-FFF2-40B4-BE49-F238E27FC236}">
                <a16:creationId xmlns:a16="http://schemas.microsoft.com/office/drawing/2014/main" id="{E22CF2BB-249C-4DBA-B969-927AC9495D4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133116" y="3640582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ourcecode </a:t>
            </a: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035855" y="364058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Documentation </a:t>
            </a:r>
          </a:p>
        </p:txBody>
      </p:sp>
      <p:sp>
        <p:nvSpPr>
          <p:cNvPr id="132" name="OTLSHAPE_SLT_e4cbea8a20574bc2be24a37a5d11c7f3_Title">
            <a:extLst>
              <a:ext uri="{FF2B5EF4-FFF2-40B4-BE49-F238E27FC236}">
                <a16:creationId xmlns:a16="http://schemas.microsoft.com/office/drawing/2014/main" id="{D92DBFA8-6CC2-40D3-AA7E-9105D42109C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508209" y="462728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cruit: Round 1 </a:t>
            </a:r>
          </a:p>
        </p:txBody>
      </p:sp>
      <p:sp>
        <p:nvSpPr>
          <p:cNvPr id="140" name="OTLSHAPE_SLT_4850e451315d454480d4f5e83e7fbf8a_Title">
            <a:extLst>
              <a:ext uri="{FF2B5EF4-FFF2-40B4-BE49-F238E27FC236}">
                <a16:creationId xmlns:a16="http://schemas.microsoft.com/office/drawing/2014/main" id="{25CB861A-B4AC-443E-AD00-5E551F7B838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082489" y="462728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cruit: Round 2</a:t>
            </a:r>
          </a:p>
        </p:txBody>
      </p:sp>
      <p:sp>
        <p:nvSpPr>
          <p:cNvPr id="148" name="OTLSHAPE_SLT_fa7160ae8db649c4a586c26722e094ca_Title">
            <a:extLst>
              <a:ext uri="{FF2B5EF4-FFF2-40B4-BE49-F238E27FC236}">
                <a16:creationId xmlns:a16="http://schemas.microsoft.com/office/drawing/2014/main" id="{E81962D0-9871-42E0-A077-141AA3DD77E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716312" y="493750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Certification </a:t>
            </a:r>
          </a:p>
        </p:txBody>
      </p:sp>
      <p:sp>
        <p:nvSpPr>
          <p:cNvPr id="156" name="OTLSHAPE_SLT_c000b33856c3457e97ac83843b46348a_Title">
            <a:extLst>
              <a:ext uri="{FF2B5EF4-FFF2-40B4-BE49-F238E27FC236}">
                <a16:creationId xmlns:a16="http://schemas.microsoft.com/office/drawing/2014/main" id="{8E34BFE8-08E1-498F-91C7-491533A6846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959932" y="493750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Logs </a:t>
            </a:r>
          </a:p>
        </p:txBody>
      </p:sp>
      <p:sp>
        <p:nvSpPr>
          <p:cNvPr id="164" name="OTLSHAPE_SLT_476dc15cfd73469d994d548089c2f562_Title">
            <a:extLst>
              <a:ext uri="{FF2B5EF4-FFF2-40B4-BE49-F238E27FC236}">
                <a16:creationId xmlns:a16="http://schemas.microsoft.com/office/drawing/2014/main" id="{7A1514BE-744D-46D5-B457-C9CE86048AA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320793" y="5146125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Content Management </a:t>
            </a:r>
          </a:p>
        </p:txBody>
      </p:sp>
      <p:sp>
        <p:nvSpPr>
          <p:cNvPr id="172" name="OTLSHAPE_SLT_8977120edb6b40b492b0ae0f5a477737_Title">
            <a:extLst>
              <a:ext uri="{FF2B5EF4-FFF2-40B4-BE49-F238E27FC236}">
                <a16:creationId xmlns:a16="http://schemas.microsoft.com/office/drawing/2014/main" id="{57B8558D-E513-4E91-8B1A-8D65790C7F5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619607" y="514612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ccess Control</a:t>
            </a:r>
          </a:p>
        </p:txBody>
      </p:sp>
      <p:sp>
        <p:nvSpPr>
          <p:cNvPr id="180" name="OTLSHAPE_SLT_b3b24f30dd09423f88609133eedceb09_Title">
            <a:extLst>
              <a:ext uri="{FF2B5EF4-FFF2-40B4-BE49-F238E27FC236}">
                <a16:creationId xmlns:a16="http://schemas.microsoft.com/office/drawing/2014/main" id="{1FBEBDA2-0793-4078-BFB7-9A1C9F13B23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987500" y="5354743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Risk Training </a:t>
            </a:r>
          </a:p>
        </p:txBody>
      </p:sp>
      <p:sp>
        <p:nvSpPr>
          <p:cNvPr id="188" name="OTLSHAPE_SLT_9a18ac7336a64b5cb5fe9b4dc3835343_Title">
            <a:extLst>
              <a:ext uri="{FF2B5EF4-FFF2-40B4-BE49-F238E27FC236}">
                <a16:creationId xmlns:a16="http://schemas.microsoft.com/office/drawing/2014/main" id="{93C2D5D4-67BE-4B1D-8EC3-3D08377C4CB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732377" y="5563362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User Passwords </a:t>
            </a:r>
          </a:p>
        </p:txBody>
      </p:sp>
      <p:sp>
        <p:nvSpPr>
          <p:cNvPr id="196" name="OTLSHAPE_SLT_f631a3c93f6048078ae9c87026bdb2a3_Title">
            <a:extLst>
              <a:ext uri="{FF2B5EF4-FFF2-40B4-BE49-F238E27FC236}">
                <a16:creationId xmlns:a16="http://schemas.microsoft.com/office/drawing/2014/main" id="{A0F360A2-6E78-4352-8639-02289F79CC7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775639" y="5873581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SLA Metrics </a:t>
            </a:r>
          </a:p>
        </p:txBody>
      </p:sp>
      <p:sp>
        <p:nvSpPr>
          <p:cNvPr id="204" name="OTLSHAPE_SLT_ce0ca17e04854e11bf2b856944de1687_Title">
            <a:extLst>
              <a:ext uri="{FF2B5EF4-FFF2-40B4-BE49-F238E27FC236}">
                <a16:creationId xmlns:a16="http://schemas.microsoft.com/office/drawing/2014/main" id="{1B0DE95A-BE54-4E7D-AD2A-1A72E002413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095096" y="610759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vailability Metrics </a:t>
            </a: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:a16="http://schemas.microsoft.com/office/drawing/2014/main" id="{BA7D591F-B9F5-4614-9212-5CC7972A7A5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687377" y="610759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Onboarding </a:t>
            </a:r>
          </a:p>
        </p:txBody>
      </p:sp>
      <p:sp>
        <p:nvSpPr>
          <p:cNvPr id="220" name="OTLSHAPE_SLT_7b84b718e11f4f268861d3782ad6ec3d_Title">
            <a:extLst>
              <a:ext uri="{FF2B5EF4-FFF2-40B4-BE49-F238E27FC236}">
                <a16:creationId xmlns:a16="http://schemas.microsoft.com/office/drawing/2014/main" id="{1BF1DF35-7D87-4985-869D-E2655831BD2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766501" y="6341618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Alerting </a:t>
            </a:r>
          </a:p>
        </p:txBody>
      </p:sp>
      <p:sp>
        <p:nvSpPr>
          <p:cNvPr id="139" name="OTLSHAPE_SLM_6a2853efba2544b29bb7e0be6e6d7822_Title">
            <a:extLst>
              <a:ext uri="{FF2B5EF4-FFF2-40B4-BE49-F238E27FC236}">
                <a16:creationId xmlns:a16="http://schemas.microsoft.com/office/drawing/2014/main" id="{23E0C969-7D43-45E5-B69E-F2A96B262C7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593183" y="384920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quip Docs </a:t>
            </a:r>
          </a:p>
        </p:txBody>
      </p:sp>
      <p:sp>
        <p:nvSpPr>
          <p:cNvPr id="141" name="OTLSHAPE_SLM_6a2853efba2544b29bb7e0be6e6d7822_Date">
            <a:extLst>
              <a:ext uri="{FF2B5EF4-FFF2-40B4-BE49-F238E27FC236}">
                <a16:creationId xmlns:a16="http://schemas.microsoft.com/office/drawing/2014/main" id="{B46445F2-75D1-4C4D-945C-665C8A481C03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970796" y="401971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</a:t>
            </a:r>
          </a:p>
        </p:txBody>
      </p:sp>
      <p:sp>
        <p:nvSpPr>
          <p:cNvPr id="145" name="OTLSHAPE_SLM_717324f4944e4ae4af8f1a2d1a00869c_Title">
            <a:extLst>
              <a:ext uri="{FF2B5EF4-FFF2-40B4-BE49-F238E27FC236}">
                <a16:creationId xmlns:a16="http://schemas.microsoft.com/office/drawing/2014/main" id="{F57A67A7-4B86-48BC-A067-6E7433711F8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632763" y="4238244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Onramp </a:t>
            </a:r>
          </a:p>
        </p:txBody>
      </p:sp>
      <p:sp>
        <p:nvSpPr>
          <p:cNvPr id="146" name="OTLSHAPE_SLM_717324f4944e4ae4af8f1a2d1a00869c_Date">
            <a:extLst>
              <a:ext uri="{FF2B5EF4-FFF2-40B4-BE49-F238E27FC236}">
                <a16:creationId xmlns:a16="http://schemas.microsoft.com/office/drawing/2014/main" id="{6523112E-DB23-4AA2-9385-A3F4E151FE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755953" y="4408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00921646-3D72-F1D8-9BD2-84D72095085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4" name="OTLSHAPE_SLT_b73ad38723d84eb99574edc4c455c3b0_Duration" hidden="1">
            <a:extLst>
              <a:ext uri="{FF2B5EF4-FFF2-40B4-BE49-F238E27FC236}">
                <a16:creationId xmlns:a16="http://schemas.microsoft.com/office/drawing/2014/main" id="{C32AE09A-8A69-F7C0-BC11-6F951C9D8C8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95.5 days</a:t>
            </a:r>
          </a:p>
        </p:txBody>
      </p:sp>
      <p:sp>
        <p:nvSpPr>
          <p:cNvPr id="125" name="OTLSHAPE_SLT_b73ad38723d84eb99574edc4c455c3b0_JoinedDate" hidden="1">
            <a:extLst>
              <a:ext uri="{FF2B5EF4-FFF2-40B4-BE49-F238E27FC236}">
                <a16:creationId xmlns:a16="http://schemas.microsoft.com/office/drawing/2014/main" id="{34D3C7CC-0808-61E7-0E73-91C4262599D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SLT_b73ad38723d84eb99574edc4c455c3b0_StartDate" hidden="1">
            <a:extLst>
              <a:ext uri="{FF2B5EF4-FFF2-40B4-BE49-F238E27FC236}">
                <a16:creationId xmlns:a16="http://schemas.microsoft.com/office/drawing/2014/main" id="{0D8F3062-01D8-1CBC-97B7-98ED6A4160A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SLT_b73ad38723d84eb99574edc4c455c3b0_EndDate" hidden="1">
            <a:extLst>
              <a:ext uri="{FF2B5EF4-FFF2-40B4-BE49-F238E27FC236}">
                <a16:creationId xmlns:a16="http://schemas.microsoft.com/office/drawing/2014/main" id="{EBCB4FC1-0673-EEF7-1F34-C11B00BD5BB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" name="OTLSHAPE_SLT_b73ad38723d84eb99574edc4c455c3b0_TextPercentage" hidden="1">
            <a:extLst>
              <a:ext uri="{FF2B5EF4-FFF2-40B4-BE49-F238E27FC236}">
                <a16:creationId xmlns:a16="http://schemas.microsoft.com/office/drawing/2014/main" id="{B438C57B-143B-5CE7-8F80-8C21C9F2D67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SLT_1fb5c9bea8d7491e93ab109404a0a91b_Duration" hidden="1">
            <a:extLst>
              <a:ext uri="{FF2B5EF4-FFF2-40B4-BE49-F238E27FC236}">
                <a16:creationId xmlns:a16="http://schemas.microsoft.com/office/drawing/2014/main" id="{4FF3602C-7E2E-93C2-FC42-FDED22DC5E9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9 days</a:t>
            </a:r>
          </a:p>
        </p:txBody>
      </p:sp>
      <p:sp>
        <p:nvSpPr>
          <p:cNvPr id="242" name="OTLSHAPE_SLT_1fb5c9bea8d7491e93ab109404a0a91b_JoinedDate" hidden="1">
            <a:extLst>
              <a:ext uri="{FF2B5EF4-FFF2-40B4-BE49-F238E27FC236}">
                <a16:creationId xmlns:a16="http://schemas.microsoft.com/office/drawing/2014/main" id="{4AB6704C-FA2B-D192-CE91-A1D5BDDCE0D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SLT_1fb5c9bea8d7491e93ab109404a0a91b_StartDate" hidden="1">
            <a:extLst>
              <a:ext uri="{FF2B5EF4-FFF2-40B4-BE49-F238E27FC236}">
                <a16:creationId xmlns:a16="http://schemas.microsoft.com/office/drawing/2014/main" id="{743623BA-318F-E5CD-22C7-8F8CE7CA9E7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SLT_1fb5c9bea8d7491e93ab109404a0a91b_EndDate" hidden="1">
            <a:extLst>
              <a:ext uri="{FF2B5EF4-FFF2-40B4-BE49-F238E27FC236}">
                <a16:creationId xmlns:a16="http://schemas.microsoft.com/office/drawing/2014/main" id="{73A860A8-A08E-AF60-CBB8-D92210B3BCB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SLT_1fb5c9bea8d7491e93ab109404a0a91b_TextPercentage" hidden="1">
            <a:extLst>
              <a:ext uri="{FF2B5EF4-FFF2-40B4-BE49-F238E27FC236}">
                <a16:creationId xmlns:a16="http://schemas.microsoft.com/office/drawing/2014/main" id="{6FC318FE-3A1A-31E3-D885-0D8D74BC655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247" name="OTLSHAPE_SLT_cff1771b3adf435092272a1b386dd90f_Duration" hidden="1">
            <a:extLst>
              <a:ext uri="{FF2B5EF4-FFF2-40B4-BE49-F238E27FC236}">
                <a16:creationId xmlns:a16="http://schemas.microsoft.com/office/drawing/2014/main" id="{BA2F3345-3414-B9E5-2701-678C0A3803C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3.5 days</a:t>
            </a:r>
          </a:p>
        </p:txBody>
      </p:sp>
      <p:sp>
        <p:nvSpPr>
          <p:cNvPr id="248" name="OTLSHAPE_SLT_cff1771b3adf435092272a1b386dd90f_JoinedDate" hidden="1">
            <a:extLst>
              <a:ext uri="{FF2B5EF4-FFF2-40B4-BE49-F238E27FC236}">
                <a16:creationId xmlns:a16="http://schemas.microsoft.com/office/drawing/2014/main" id="{3FBF3CF1-4157-1BA9-67C0-4CF5FFF464E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SLT_cff1771b3adf435092272a1b386dd90f_StartDate" hidden="1">
            <a:extLst>
              <a:ext uri="{FF2B5EF4-FFF2-40B4-BE49-F238E27FC236}">
                <a16:creationId xmlns:a16="http://schemas.microsoft.com/office/drawing/2014/main" id="{B948D680-FEC5-DD81-4C4D-93EE44E16F6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0" name="OTLSHAPE_SLT_cff1771b3adf435092272a1b386dd90f_EndDate" hidden="1">
            <a:extLst>
              <a:ext uri="{FF2B5EF4-FFF2-40B4-BE49-F238E27FC236}">
                <a16:creationId xmlns:a16="http://schemas.microsoft.com/office/drawing/2014/main" id="{3DEEE2D9-5FA7-EECE-371B-33978BABE1E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SLT_cff1771b3adf435092272a1b386dd90f_TextPercentage" hidden="1">
            <a:extLst>
              <a:ext uri="{FF2B5EF4-FFF2-40B4-BE49-F238E27FC236}">
                <a16:creationId xmlns:a16="http://schemas.microsoft.com/office/drawing/2014/main" id="{6287758F-E7C1-C91D-327F-77C5CD61690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SLT_5f80df6430964df28eaae672b3613460_Duration" hidden="1">
            <a:extLst>
              <a:ext uri="{FF2B5EF4-FFF2-40B4-BE49-F238E27FC236}">
                <a16:creationId xmlns:a16="http://schemas.microsoft.com/office/drawing/2014/main" id="{FC1DFB90-A162-8532-8804-0479167FA5D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7.5 days</a:t>
            </a:r>
          </a:p>
        </p:txBody>
      </p:sp>
      <p:sp>
        <p:nvSpPr>
          <p:cNvPr id="254" name="OTLSHAPE_SLT_5f80df6430964df28eaae672b3613460_JoinedDate" hidden="1">
            <a:extLst>
              <a:ext uri="{FF2B5EF4-FFF2-40B4-BE49-F238E27FC236}">
                <a16:creationId xmlns:a16="http://schemas.microsoft.com/office/drawing/2014/main" id="{D93690EC-37C7-5DCC-0FFE-8B5AA6FB5DB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SLT_5f80df6430964df28eaae672b3613460_StartDate" hidden="1">
            <a:extLst>
              <a:ext uri="{FF2B5EF4-FFF2-40B4-BE49-F238E27FC236}">
                <a16:creationId xmlns:a16="http://schemas.microsoft.com/office/drawing/2014/main" id="{561CF118-8C11-8A57-3B67-250DE469ED7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6" name="OTLSHAPE_SLT_5f80df6430964df28eaae672b3613460_EndDate" hidden="1">
            <a:extLst>
              <a:ext uri="{FF2B5EF4-FFF2-40B4-BE49-F238E27FC236}">
                <a16:creationId xmlns:a16="http://schemas.microsoft.com/office/drawing/2014/main" id="{E141264C-F73A-4C44-FF69-1815EBFE823F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7" name="OTLSHAPE_SLT_5f80df6430964df28eaae672b3613460_TextPercentage" hidden="1">
            <a:extLst>
              <a:ext uri="{FF2B5EF4-FFF2-40B4-BE49-F238E27FC236}">
                <a16:creationId xmlns:a16="http://schemas.microsoft.com/office/drawing/2014/main" id="{5B99C93B-1371-3515-0C79-8AB5443DE2D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SLT_e29fb8690b6043e6b8b49ec05b550ba3_Duration" hidden="1">
            <a:extLst>
              <a:ext uri="{FF2B5EF4-FFF2-40B4-BE49-F238E27FC236}">
                <a16:creationId xmlns:a16="http://schemas.microsoft.com/office/drawing/2014/main" id="{FD6430EE-EF1E-CC0A-31FE-845A9897A3BB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4.5 days</a:t>
            </a:r>
          </a:p>
        </p:txBody>
      </p:sp>
      <p:sp>
        <p:nvSpPr>
          <p:cNvPr id="259" name="OTLSHAPE_SLT_e29fb8690b6043e6b8b49ec05b550ba3_JoinedDate" hidden="1">
            <a:extLst>
              <a:ext uri="{FF2B5EF4-FFF2-40B4-BE49-F238E27FC236}">
                <a16:creationId xmlns:a16="http://schemas.microsoft.com/office/drawing/2014/main" id="{CBEA56A1-8D20-13D2-A583-F631F647E96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SLT_e29fb8690b6043e6b8b49ec05b550ba3_StartDate" hidden="1">
            <a:extLst>
              <a:ext uri="{FF2B5EF4-FFF2-40B4-BE49-F238E27FC236}">
                <a16:creationId xmlns:a16="http://schemas.microsoft.com/office/drawing/2014/main" id="{D32C4844-B88E-C4B2-C15E-45DB1714EE43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SLT_e29fb8690b6043e6b8b49ec05b550ba3_EndDate" hidden="1">
            <a:extLst>
              <a:ext uri="{FF2B5EF4-FFF2-40B4-BE49-F238E27FC236}">
                <a16:creationId xmlns:a16="http://schemas.microsoft.com/office/drawing/2014/main" id="{4C1A4BCF-6A0B-FD2E-626D-9DC938239C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SLT_e29fb8690b6043e6b8b49ec05b550ba3_TextPercentage" hidden="1">
            <a:extLst>
              <a:ext uri="{FF2B5EF4-FFF2-40B4-BE49-F238E27FC236}">
                <a16:creationId xmlns:a16="http://schemas.microsoft.com/office/drawing/2014/main" id="{50AB1691-7477-CB05-0D2B-4AC3666D851E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275" name="OTLSHAPE_SLT_5fdc1ae17390491587eeb3e0a5701e86_Duration" hidden="1">
            <a:extLst>
              <a:ext uri="{FF2B5EF4-FFF2-40B4-BE49-F238E27FC236}">
                <a16:creationId xmlns:a16="http://schemas.microsoft.com/office/drawing/2014/main" id="{EAA05685-0597-AA33-9D68-A7DC73EE56A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0 days</a:t>
            </a:r>
          </a:p>
        </p:txBody>
      </p:sp>
      <p:sp>
        <p:nvSpPr>
          <p:cNvPr id="276" name="OTLSHAPE_SLT_5fdc1ae17390491587eeb3e0a5701e86_JoinedDate" hidden="1">
            <a:extLst>
              <a:ext uri="{FF2B5EF4-FFF2-40B4-BE49-F238E27FC236}">
                <a16:creationId xmlns:a16="http://schemas.microsoft.com/office/drawing/2014/main" id="{2F8A9972-341B-53F5-842C-C397F827A37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SLT_5fdc1ae17390491587eeb3e0a5701e86_StartDate" hidden="1">
            <a:extLst>
              <a:ext uri="{FF2B5EF4-FFF2-40B4-BE49-F238E27FC236}">
                <a16:creationId xmlns:a16="http://schemas.microsoft.com/office/drawing/2014/main" id="{FA244BE5-6891-B16C-E11E-C5427151716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SLT_5fdc1ae17390491587eeb3e0a5701e86_EndDate" hidden="1">
            <a:extLst>
              <a:ext uri="{FF2B5EF4-FFF2-40B4-BE49-F238E27FC236}">
                <a16:creationId xmlns:a16="http://schemas.microsoft.com/office/drawing/2014/main" id="{E680E75E-665B-B677-2697-106374EC96B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SLT_5fdc1ae17390491587eeb3e0a5701e86_TextPercentage" hidden="1">
            <a:extLst>
              <a:ext uri="{FF2B5EF4-FFF2-40B4-BE49-F238E27FC236}">
                <a16:creationId xmlns:a16="http://schemas.microsoft.com/office/drawing/2014/main" id="{FFBAAC06-6890-858E-A43A-6EF8A1298CFF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281" name="OTLSHAPE_SLT_9832540cc3dc4925bd1c95b6f52324ef_Duration" hidden="1">
            <a:extLst>
              <a:ext uri="{FF2B5EF4-FFF2-40B4-BE49-F238E27FC236}">
                <a16:creationId xmlns:a16="http://schemas.microsoft.com/office/drawing/2014/main" id="{3251D577-0CA9-38F5-286B-28CEFD0615FA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8 days</a:t>
            </a:r>
          </a:p>
        </p:txBody>
      </p:sp>
      <p:sp>
        <p:nvSpPr>
          <p:cNvPr id="282" name="OTLSHAPE_SLT_9832540cc3dc4925bd1c95b6f52324ef_JoinedDate" hidden="1">
            <a:extLst>
              <a:ext uri="{FF2B5EF4-FFF2-40B4-BE49-F238E27FC236}">
                <a16:creationId xmlns:a16="http://schemas.microsoft.com/office/drawing/2014/main" id="{1100CEBA-27B2-6E79-4892-D46A5F8A0066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SLT_9832540cc3dc4925bd1c95b6f52324ef_StartDate" hidden="1">
            <a:extLst>
              <a:ext uri="{FF2B5EF4-FFF2-40B4-BE49-F238E27FC236}">
                <a16:creationId xmlns:a16="http://schemas.microsoft.com/office/drawing/2014/main" id="{C5814A1F-7609-337F-0320-5515976D023D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SLT_9832540cc3dc4925bd1c95b6f52324ef_EndDate" hidden="1">
            <a:extLst>
              <a:ext uri="{FF2B5EF4-FFF2-40B4-BE49-F238E27FC236}">
                <a16:creationId xmlns:a16="http://schemas.microsoft.com/office/drawing/2014/main" id="{21E61882-5B7F-6525-41A8-4266D497C81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SLT_9832540cc3dc4925bd1c95b6f52324ef_TextPercentage" hidden="1">
            <a:extLst>
              <a:ext uri="{FF2B5EF4-FFF2-40B4-BE49-F238E27FC236}">
                <a16:creationId xmlns:a16="http://schemas.microsoft.com/office/drawing/2014/main" id="{AF9FB85A-CE22-6AB0-3D62-63CEBB15CF1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86" name="OTLSHAPE_SLT_76255002f5184bd182c82aba681ff4da_Duration" hidden="1">
            <a:extLst>
              <a:ext uri="{FF2B5EF4-FFF2-40B4-BE49-F238E27FC236}">
                <a16:creationId xmlns:a16="http://schemas.microsoft.com/office/drawing/2014/main" id="{7AC4D737-8CE7-3664-AEE1-0DFBEA26946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8 days</a:t>
            </a:r>
          </a:p>
        </p:txBody>
      </p:sp>
      <p:sp>
        <p:nvSpPr>
          <p:cNvPr id="287" name="OTLSHAPE_SLT_76255002f5184bd182c82aba681ff4da_JoinedDate" hidden="1">
            <a:extLst>
              <a:ext uri="{FF2B5EF4-FFF2-40B4-BE49-F238E27FC236}">
                <a16:creationId xmlns:a16="http://schemas.microsoft.com/office/drawing/2014/main" id="{5E96004C-805C-30B4-8577-7B6DBFB61F6A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SLT_76255002f5184bd182c82aba681ff4da_StartDate" hidden="1">
            <a:extLst>
              <a:ext uri="{FF2B5EF4-FFF2-40B4-BE49-F238E27FC236}">
                <a16:creationId xmlns:a16="http://schemas.microsoft.com/office/drawing/2014/main" id="{811C8DBE-489C-627E-9458-ADEE36C45368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SLT_76255002f5184bd182c82aba681ff4da_EndDate" hidden="1">
            <a:extLst>
              <a:ext uri="{FF2B5EF4-FFF2-40B4-BE49-F238E27FC236}">
                <a16:creationId xmlns:a16="http://schemas.microsoft.com/office/drawing/2014/main" id="{787EB5E7-0DEE-9EC7-6134-DF6E933EE2B8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76255002f5184bd182c82aba681ff4da_TextPercentage" hidden="1">
            <a:extLst>
              <a:ext uri="{FF2B5EF4-FFF2-40B4-BE49-F238E27FC236}">
                <a16:creationId xmlns:a16="http://schemas.microsoft.com/office/drawing/2014/main" id="{BF47973E-FDBF-6C4C-D355-5F0DA168C00D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291" name="OTLSHAPE_SLT_7b49690012f9431fa579863039774321_Duration" hidden="1">
            <a:extLst>
              <a:ext uri="{FF2B5EF4-FFF2-40B4-BE49-F238E27FC236}">
                <a16:creationId xmlns:a16="http://schemas.microsoft.com/office/drawing/2014/main" id="{0865C1D2-D599-91FA-E8A1-F59FCDE2E26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3.5 days</a:t>
            </a:r>
          </a:p>
        </p:txBody>
      </p:sp>
      <p:sp>
        <p:nvSpPr>
          <p:cNvPr id="292" name="OTLSHAPE_SLT_7b49690012f9431fa579863039774321_JoinedDate" hidden="1">
            <a:extLst>
              <a:ext uri="{FF2B5EF4-FFF2-40B4-BE49-F238E27FC236}">
                <a16:creationId xmlns:a16="http://schemas.microsoft.com/office/drawing/2014/main" id="{0B123A24-055C-9E1B-456D-1B65FCE5C83B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3" name="OTLSHAPE_SLT_7b49690012f9431fa579863039774321_StartDate" hidden="1">
            <a:extLst>
              <a:ext uri="{FF2B5EF4-FFF2-40B4-BE49-F238E27FC236}">
                <a16:creationId xmlns:a16="http://schemas.microsoft.com/office/drawing/2014/main" id="{A2A3EE7E-3087-15CA-18D8-CD393C6734E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4" name="OTLSHAPE_SLT_7b49690012f9431fa579863039774321_EndDate" hidden="1">
            <a:extLst>
              <a:ext uri="{FF2B5EF4-FFF2-40B4-BE49-F238E27FC236}">
                <a16:creationId xmlns:a16="http://schemas.microsoft.com/office/drawing/2014/main" id="{E21AEF79-A20B-BA82-4C4C-B10836639FEA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5" name="OTLSHAPE_SLT_7b49690012f9431fa579863039774321_TextPercentage" hidden="1">
            <a:extLst>
              <a:ext uri="{FF2B5EF4-FFF2-40B4-BE49-F238E27FC236}">
                <a16:creationId xmlns:a16="http://schemas.microsoft.com/office/drawing/2014/main" id="{7FEDCB20-BB86-6155-256C-8AEC6F3B68A6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297" name="OTLSHAPE_SLT_e4cbea8a20574bc2be24a37a5d11c7f3_Duration" hidden="1">
            <a:extLst>
              <a:ext uri="{FF2B5EF4-FFF2-40B4-BE49-F238E27FC236}">
                <a16:creationId xmlns:a16="http://schemas.microsoft.com/office/drawing/2014/main" id="{1755D20F-820D-4742-E29C-0A75D7156E45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9.5 days</a:t>
            </a:r>
          </a:p>
        </p:txBody>
      </p:sp>
      <p:sp>
        <p:nvSpPr>
          <p:cNvPr id="298" name="OTLSHAPE_SLT_e4cbea8a20574bc2be24a37a5d11c7f3_JoinedDate" hidden="1">
            <a:extLst>
              <a:ext uri="{FF2B5EF4-FFF2-40B4-BE49-F238E27FC236}">
                <a16:creationId xmlns:a16="http://schemas.microsoft.com/office/drawing/2014/main" id="{97FDC0B7-168A-140A-5400-624AD1BDE8C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SLT_e4cbea8a20574bc2be24a37a5d11c7f3_StartDate" hidden="1">
            <a:extLst>
              <a:ext uri="{FF2B5EF4-FFF2-40B4-BE49-F238E27FC236}">
                <a16:creationId xmlns:a16="http://schemas.microsoft.com/office/drawing/2014/main" id="{E28D0F6A-2A32-8CD2-CF20-FFD18DD02464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SLT_e4cbea8a20574bc2be24a37a5d11c7f3_EndDate" hidden="1">
            <a:extLst>
              <a:ext uri="{FF2B5EF4-FFF2-40B4-BE49-F238E27FC236}">
                <a16:creationId xmlns:a16="http://schemas.microsoft.com/office/drawing/2014/main" id="{F59DF7F1-EB96-FE49-69D8-22C883281B09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SLT_e4cbea8a20574bc2be24a37a5d11c7f3_TextPercentage" hidden="1">
            <a:extLst>
              <a:ext uri="{FF2B5EF4-FFF2-40B4-BE49-F238E27FC236}">
                <a16:creationId xmlns:a16="http://schemas.microsoft.com/office/drawing/2014/main" id="{5BE16BBA-B3FA-4F5B-D5E9-978676F61837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SLT_4850e451315d454480d4f5e83e7fbf8a_Duration" hidden="1">
            <a:extLst>
              <a:ext uri="{FF2B5EF4-FFF2-40B4-BE49-F238E27FC236}">
                <a16:creationId xmlns:a16="http://schemas.microsoft.com/office/drawing/2014/main" id="{CEB54032-0A17-A776-48CC-4C5FD139112A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4.5 days</a:t>
            </a:r>
          </a:p>
        </p:txBody>
      </p:sp>
      <p:sp>
        <p:nvSpPr>
          <p:cNvPr id="304" name="OTLSHAPE_SLT_4850e451315d454480d4f5e83e7fbf8a_JoinedDate" hidden="1">
            <a:extLst>
              <a:ext uri="{FF2B5EF4-FFF2-40B4-BE49-F238E27FC236}">
                <a16:creationId xmlns:a16="http://schemas.microsoft.com/office/drawing/2014/main" id="{C20E5968-AD91-3451-7208-5C549B1F04F2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5" name="OTLSHAPE_SLT_4850e451315d454480d4f5e83e7fbf8a_StartDate" hidden="1">
            <a:extLst>
              <a:ext uri="{FF2B5EF4-FFF2-40B4-BE49-F238E27FC236}">
                <a16:creationId xmlns:a16="http://schemas.microsoft.com/office/drawing/2014/main" id="{FFEDA868-D8E8-181A-B9B3-A428B493D703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SLT_4850e451315d454480d4f5e83e7fbf8a_EndDate" hidden="1">
            <a:extLst>
              <a:ext uri="{FF2B5EF4-FFF2-40B4-BE49-F238E27FC236}">
                <a16:creationId xmlns:a16="http://schemas.microsoft.com/office/drawing/2014/main" id="{8B0DB5DE-FC39-5B95-E32D-E9A4CC89C8FC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SLT_4850e451315d454480d4f5e83e7fbf8a_TextPercentage" hidden="1">
            <a:extLst>
              <a:ext uri="{FF2B5EF4-FFF2-40B4-BE49-F238E27FC236}">
                <a16:creationId xmlns:a16="http://schemas.microsoft.com/office/drawing/2014/main" id="{1A3E8F41-EC7F-8116-F8DE-F21B60B2F2DA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SLT_fa7160ae8db649c4a586c26722e094ca_Duration" hidden="1">
            <a:extLst>
              <a:ext uri="{FF2B5EF4-FFF2-40B4-BE49-F238E27FC236}">
                <a16:creationId xmlns:a16="http://schemas.microsoft.com/office/drawing/2014/main" id="{AD995847-D019-C1D0-F8AF-F0428B77F77C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3.5 days</a:t>
            </a:r>
          </a:p>
        </p:txBody>
      </p:sp>
      <p:sp>
        <p:nvSpPr>
          <p:cNvPr id="312" name="OTLSHAPE_SLT_fa7160ae8db649c4a586c26722e094ca_JoinedDate" hidden="1">
            <a:extLst>
              <a:ext uri="{FF2B5EF4-FFF2-40B4-BE49-F238E27FC236}">
                <a16:creationId xmlns:a16="http://schemas.microsoft.com/office/drawing/2014/main" id="{41E153AF-F989-6C88-F633-6B273B3A0AF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SLT_fa7160ae8db649c4a586c26722e094ca_StartDate" hidden="1">
            <a:extLst>
              <a:ext uri="{FF2B5EF4-FFF2-40B4-BE49-F238E27FC236}">
                <a16:creationId xmlns:a16="http://schemas.microsoft.com/office/drawing/2014/main" id="{B72C5042-A6FC-E3DC-D44F-59F137237D17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SLT_fa7160ae8db649c4a586c26722e094ca_EndDate" hidden="1">
            <a:extLst>
              <a:ext uri="{FF2B5EF4-FFF2-40B4-BE49-F238E27FC236}">
                <a16:creationId xmlns:a16="http://schemas.microsoft.com/office/drawing/2014/main" id="{036EECC8-DE7B-3690-057F-B3C6A74A9554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SLT_fa7160ae8db649c4a586c26722e094ca_TextPercentage" hidden="1">
            <a:extLst>
              <a:ext uri="{FF2B5EF4-FFF2-40B4-BE49-F238E27FC236}">
                <a16:creationId xmlns:a16="http://schemas.microsoft.com/office/drawing/2014/main" id="{E4F61331-595C-747A-EA99-D5D7C102F5FD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317" name="OTLSHAPE_SLT_c000b33856c3457e97ac83843b46348a_Duration" hidden="1">
            <a:extLst>
              <a:ext uri="{FF2B5EF4-FFF2-40B4-BE49-F238E27FC236}">
                <a16:creationId xmlns:a16="http://schemas.microsoft.com/office/drawing/2014/main" id="{801D0A38-5602-86C4-8BE6-D379FB306CC6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2.5 days</a:t>
            </a:r>
          </a:p>
        </p:txBody>
      </p:sp>
      <p:sp>
        <p:nvSpPr>
          <p:cNvPr id="318" name="OTLSHAPE_SLT_c000b33856c3457e97ac83843b46348a_JoinedDate" hidden="1">
            <a:extLst>
              <a:ext uri="{FF2B5EF4-FFF2-40B4-BE49-F238E27FC236}">
                <a16:creationId xmlns:a16="http://schemas.microsoft.com/office/drawing/2014/main" id="{10A93DDB-043D-177F-310B-A442E133829A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SLT_c000b33856c3457e97ac83843b46348a_StartDate" hidden="1">
            <a:extLst>
              <a:ext uri="{FF2B5EF4-FFF2-40B4-BE49-F238E27FC236}">
                <a16:creationId xmlns:a16="http://schemas.microsoft.com/office/drawing/2014/main" id="{D4450A57-C7AC-D69F-55F3-03D4CDC65E29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0" name="OTLSHAPE_SLT_c000b33856c3457e97ac83843b46348a_EndDate" hidden="1">
            <a:extLst>
              <a:ext uri="{FF2B5EF4-FFF2-40B4-BE49-F238E27FC236}">
                <a16:creationId xmlns:a16="http://schemas.microsoft.com/office/drawing/2014/main" id="{0C07B5A1-ED41-E05F-B3C3-65F213B662F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1" name="OTLSHAPE_SLT_c000b33856c3457e97ac83843b46348a_TextPercentage" hidden="1">
            <a:extLst>
              <a:ext uri="{FF2B5EF4-FFF2-40B4-BE49-F238E27FC236}">
                <a16:creationId xmlns:a16="http://schemas.microsoft.com/office/drawing/2014/main" id="{15686488-41A5-36D8-7D45-717BDBB7CE9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SLT_476dc15cfd73469d994d548089c2f562_Duration" hidden="1">
            <a:extLst>
              <a:ext uri="{FF2B5EF4-FFF2-40B4-BE49-F238E27FC236}">
                <a16:creationId xmlns:a16="http://schemas.microsoft.com/office/drawing/2014/main" id="{6823158B-9237-3516-82F2-155D6C1CB70E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324" name="OTLSHAPE_SLT_476dc15cfd73469d994d548089c2f562_JoinedDate" hidden="1">
            <a:extLst>
              <a:ext uri="{FF2B5EF4-FFF2-40B4-BE49-F238E27FC236}">
                <a16:creationId xmlns:a16="http://schemas.microsoft.com/office/drawing/2014/main" id="{AE700B39-FD67-E8C7-7570-DA1B99BC27FF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SLT_476dc15cfd73469d994d548089c2f562_StartDate" hidden="1">
            <a:extLst>
              <a:ext uri="{FF2B5EF4-FFF2-40B4-BE49-F238E27FC236}">
                <a16:creationId xmlns:a16="http://schemas.microsoft.com/office/drawing/2014/main" id="{6655922C-D5E6-354C-1561-1A1DE939E76B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6" name="OTLSHAPE_SLT_476dc15cfd73469d994d548089c2f562_EndDate" hidden="1">
            <a:extLst>
              <a:ext uri="{FF2B5EF4-FFF2-40B4-BE49-F238E27FC236}">
                <a16:creationId xmlns:a16="http://schemas.microsoft.com/office/drawing/2014/main" id="{20B788F0-B5FE-E05E-2BAD-F4F512BA44C0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SLT_476dc15cfd73469d994d548089c2f562_TextPercentage" hidden="1">
            <a:extLst>
              <a:ext uri="{FF2B5EF4-FFF2-40B4-BE49-F238E27FC236}">
                <a16:creationId xmlns:a16="http://schemas.microsoft.com/office/drawing/2014/main" id="{89269379-C964-091A-5A31-01041F1387A3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9" name="OTLSHAPE_SLT_8977120edb6b40b492b0ae0f5a477737_Duration" hidden="1">
            <a:extLst>
              <a:ext uri="{FF2B5EF4-FFF2-40B4-BE49-F238E27FC236}">
                <a16:creationId xmlns:a16="http://schemas.microsoft.com/office/drawing/2014/main" id="{40FC8D60-C64E-08A6-5502-AF98B6BF1F0E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4.5 days</a:t>
            </a:r>
          </a:p>
        </p:txBody>
      </p:sp>
      <p:sp>
        <p:nvSpPr>
          <p:cNvPr id="330" name="OTLSHAPE_SLT_8977120edb6b40b492b0ae0f5a477737_JoinedDate" hidden="1">
            <a:extLst>
              <a:ext uri="{FF2B5EF4-FFF2-40B4-BE49-F238E27FC236}">
                <a16:creationId xmlns:a16="http://schemas.microsoft.com/office/drawing/2014/main" id="{E9B9A7D5-69D2-1884-F4FF-48246C70BC33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1" name="OTLSHAPE_SLT_8977120edb6b40b492b0ae0f5a477737_StartDate" hidden="1">
            <a:extLst>
              <a:ext uri="{FF2B5EF4-FFF2-40B4-BE49-F238E27FC236}">
                <a16:creationId xmlns:a16="http://schemas.microsoft.com/office/drawing/2014/main" id="{3D629CE9-9CA8-1690-056E-00BDBE43957D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SLT_8977120edb6b40b492b0ae0f5a477737_EndDate" hidden="1">
            <a:extLst>
              <a:ext uri="{FF2B5EF4-FFF2-40B4-BE49-F238E27FC236}">
                <a16:creationId xmlns:a16="http://schemas.microsoft.com/office/drawing/2014/main" id="{72EE3B0F-F774-279B-3999-B497A9D1233B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SLT_8977120edb6b40b492b0ae0f5a477737_TextPercentage" hidden="1">
            <a:extLst>
              <a:ext uri="{FF2B5EF4-FFF2-40B4-BE49-F238E27FC236}">
                <a16:creationId xmlns:a16="http://schemas.microsoft.com/office/drawing/2014/main" id="{EA82BC9F-9743-C0B7-C3B0-6E1A4FDDB72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SLT_b3b24f30dd09423f88609133eedceb09_Duration" hidden="1">
            <a:extLst>
              <a:ext uri="{FF2B5EF4-FFF2-40B4-BE49-F238E27FC236}">
                <a16:creationId xmlns:a16="http://schemas.microsoft.com/office/drawing/2014/main" id="{646DE3C1-26C7-F01D-157C-891B0CEE79C9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.5 days</a:t>
            </a:r>
          </a:p>
        </p:txBody>
      </p:sp>
      <p:sp>
        <p:nvSpPr>
          <p:cNvPr id="335" name="OTLSHAPE_SLT_b3b24f30dd09423f88609133eedceb09_JoinedDate" hidden="1">
            <a:extLst>
              <a:ext uri="{FF2B5EF4-FFF2-40B4-BE49-F238E27FC236}">
                <a16:creationId xmlns:a16="http://schemas.microsoft.com/office/drawing/2014/main" id="{964F8F22-AE1A-F8CD-802B-E2FC98EC01D7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6" name="OTLSHAPE_SLT_b3b24f30dd09423f88609133eedceb09_StartDate" hidden="1">
            <a:extLst>
              <a:ext uri="{FF2B5EF4-FFF2-40B4-BE49-F238E27FC236}">
                <a16:creationId xmlns:a16="http://schemas.microsoft.com/office/drawing/2014/main" id="{50450616-EAF3-3282-0BD4-7956C5DBCF0F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7" name="OTLSHAPE_SLT_b3b24f30dd09423f88609133eedceb09_EndDate" hidden="1">
            <a:extLst>
              <a:ext uri="{FF2B5EF4-FFF2-40B4-BE49-F238E27FC236}">
                <a16:creationId xmlns:a16="http://schemas.microsoft.com/office/drawing/2014/main" id="{56CD4CDD-971D-15C8-62C7-F02B3D4A58EC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8" name="OTLSHAPE_SLT_b3b24f30dd09423f88609133eedceb09_TextPercentage" hidden="1">
            <a:extLst>
              <a:ext uri="{FF2B5EF4-FFF2-40B4-BE49-F238E27FC236}">
                <a16:creationId xmlns:a16="http://schemas.microsoft.com/office/drawing/2014/main" id="{E9C009CD-111B-24A7-F773-37A687212484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340" name="OTLSHAPE_SLT_9a18ac7336a64b5cb5fe9b4dc3835343_Duration" hidden="1">
            <a:extLst>
              <a:ext uri="{FF2B5EF4-FFF2-40B4-BE49-F238E27FC236}">
                <a16:creationId xmlns:a16="http://schemas.microsoft.com/office/drawing/2014/main" id="{4DDDCD11-7701-7EF1-899A-A42ABE2E37A5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1.5 days</a:t>
            </a:r>
          </a:p>
        </p:txBody>
      </p:sp>
      <p:sp>
        <p:nvSpPr>
          <p:cNvPr id="341" name="OTLSHAPE_SLT_9a18ac7336a64b5cb5fe9b4dc3835343_JoinedDate" hidden="1">
            <a:extLst>
              <a:ext uri="{FF2B5EF4-FFF2-40B4-BE49-F238E27FC236}">
                <a16:creationId xmlns:a16="http://schemas.microsoft.com/office/drawing/2014/main" id="{2566E218-E7F6-A950-FAB8-A1202371A521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SLT_9a18ac7336a64b5cb5fe9b4dc3835343_StartDate" hidden="1">
            <a:extLst>
              <a:ext uri="{FF2B5EF4-FFF2-40B4-BE49-F238E27FC236}">
                <a16:creationId xmlns:a16="http://schemas.microsoft.com/office/drawing/2014/main" id="{947E289C-C6E0-7FDA-56D7-57B6AA26F857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SLT_9a18ac7336a64b5cb5fe9b4dc3835343_EndDate" hidden="1">
            <a:extLst>
              <a:ext uri="{FF2B5EF4-FFF2-40B4-BE49-F238E27FC236}">
                <a16:creationId xmlns:a16="http://schemas.microsoft.com/office/drawing/2014/main" id="{97348DC2-1C46-EB0C-9D6C-147B6842563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4" name="OTLSHAPE_SLT_9a18ac7336a64b5cb5fe9b4dc3835343_TextPercentage" hidden="1">
            <a:extLst>
              <a:ext uri="{FF2B5EF4-FFF2-40B4-BE49-F238E27FC236}">
                <a16:creationId xmlns:a16="http://schemas.microsoft.com/office/drawing/2014/main" id="{4DC1F989-EFC2-2885-D67F-4E3BC93BF9E4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48" name="OTLSHAPE_SLT_f631a3c93f6048078ae9c87026bdb2a3_Duration" hidden="1">
            <a:extLst>
              <a:ext uri="{FF2B5EF4-FFF2-40B4-BE49-F238E27FC236}">
                <a16:creationId xmlns:a16="http://schemas.microsoft.com/office/drawing/2014/main" id="{F4EFAEB9-338B-5FDF-B939-2C7EEC40239E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5.5 days</a:t>
            </a:r>
          </a:p>
        </p:txBody>
      </p:sp>
      <p:sp>
        <p:nvSpPr>
          <p:cNvPr id="349" name="OTLSHAPE_SLT_f631a3c93f6048078ae9c87026bdb2a3_JoinedDate" hidden="1">
            <a:extLst>
              <a:ext uri="{FF2B5EF4-FFF2-40B4-BE49-F238E27FC236}">
                <a16:creationId xmlns:a16="http://schemas.microsoft.com/office/drawing/2014/main" id="{E8431807-4E6F-BD80-EB06-5F955572AD97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SLT_f631a3c93f6048078ae9c87026bdb2a3_StartDate" hidden="1">
            <a:extLst>
              <a:ext uri="{FF2B5EF4-FFF2-40B4-BE49-F238E27FC236}">
                <a16:creationId xmlns:a16="http://schemas.microsoft.com/office/drawing/2014/main" id="{0FF23C45-A96D-0D8E-D438-3C7A6E5EB9FA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1" name="OTLSHAPE_SLT_f631a3c93f6048078ae9c87026bdb2a3_EndDate" hidden="1">
            <a:extLst>
              <a:ext uri="{FF2B5EF4-FFF2-40B4-BE49-F238E27FC236}">
                <a16:creationId xmlns:a16="http://schemas.microsoft.com/office/drawing/2014/main" id="{D54E0FA3-F997-F8FD-D4D8-EDFBC56BD760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SLT_f631a3c93f6048078ae9c87026bdb2a3_TextPercentage" hidden="1">
            <a:extLst>
              <a:ext uri="{FF2B5EF4-FFF2-40B4-BE49-F238E27FC236}">
                <a16:creationId xmlns:a16="http://schemas.microsoft.com/office/drawing/2014/main" id="{4D1063FA-FA93-2D06-AFAB-5A4F33E1FDD9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353" name="OTLSHAPE_SLT_ce0ca17e04854e11bf2b856944de1687_Duration" hidden="1">
            <a:extLst>
              <a:ext uri="{FF2B5EF4-FFF2-40B4-BE49-F238E27FC236}">
                <a16:creationId xmlns:a16="http://schemas.microsoft.com/office/drawing/2014/main" id="{968350E1-A4C3-F716-A725-75871D9ADA92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5.5 days</a:t>
            </a:r>
          </a:p>
        </p:txBody>
      </p:sp>
      <p:sp>
        <p:nvSpPr>
          <p:cNvPr id="354" name="OTLSHAPE_SLT_ce0ca17e04854e11bf2b856944de1687_JoinedDate" hidden="1">
            <a:extLst>
              <a:ext uri="{FF2B5EF4-FFF2-40B4-BE49-F238E27FC236}">
                <a16:creationId xmlns:a16="http://schemas.microsoft.com/office/drawing/2014/main" id="{A007970A-A553-7573-FC4F-EAB502D0F67D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5" name="OTLSHAPE_SLT_ce0ca17e04854e11bf2b856944de1687_StartDate" hidden="1">
            <a:extLst>
              <a:ext uri="{FF2B5EF4-FFF2-40B4-BE49-F238E27FC236}">
                <a16:creationId xmlns:a16="http://schemas.microsoft.com/office/drawing/2014/main" id="{0470627B-51E7-DF25-3B2C-453F3A58DE44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6" name="OTLSHAPE_SLT_ce0ca17e04854e11bf2b856944de1687_EndDate" hidden="1">
            <a:extLst>
              <a:ext uri="{FF2B5EF4-FFF2-40B4-BE49-F238E27FC236}">
                <a16:creationId xmlns:a16="http://schemas.microsoft.com/office/drawing/2014/main" id="{E8A1D94C-439B-0298-9721-AA75800B19A7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7" name="OTLSHAPE_SLT_ce0ca17e04854e11bf2b856944de1687_TextPercentage" hidden="1">
            <a:extLst>
              <a:ext uri="{FF2B5EF4-FFF2-40B4-BE49-F238E27FC236}">
                <a16:creationId xmlns:a16="http://schemas.microsoft.com/office/drawing/2014/main" id="{268773E6-AA5E-8E3E-25F2-258E3AE06A1D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358" name="OTLSHAPE_SLT_5d9d890d48fc4418822012084c459be1_Duration" hidden="1">
            <a:extLst>
              <a:ext uri="{FF2B5EF4-FFF2-40B4-BE49-F238E27FC236}">
                <a16:creationId xmlns:a16="http://schemas.microsoft.com/office/drawing/2014/main" id="{F4701425-67EB-F26A-2C0C-031A6BCCFC87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3.5 days</a:t>
            </a:r>
          </a:p>
        </p:txBody>
      </p:sp>
      <p:sp>
        <p:nvSpPr>
          <p:cNvPr id="359" name="OTLSHAPE_SLT_5d9d890d48fc4418822012084c459be1_JoinedDate" hidden="1">
            <a:extLst>
              <a:ext uri="{FF2B5EF4-FFF2-40B4-BE49-F238E27FC236}">
                <a16:creationId xmlns:a16="http://schemas.microsoft.com/office/drawing/2014/main" id="{2D1C601C-A198-6C53-5726-9A3FBA44A5FE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0" name="OTLSHAPE_SLT_5d9d890d48fc4418822012084c459be1_StartDate" hidden="1">
            <a:extLst>
              <a:ext uri="{FF2B5EF4-FFF2-40B4-BE49-F238E27FC236}">
                <a16:creationId xmlns:a16="http://schemas.microsoft.com/office/drawing/2014/main" id="{A91FDCF7-D761-8294-3AD8-E9AE44506BE1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1" name="OTLSHAPE_SLT_5d9d890d48fc4418822012084c459be1_EndDate" hidden="1">
            <a:extLst>
              <a:ext uri="{FF2B5EF4-FFF2-40B4-BE49-F238E27FC236}">
                <a16:creationId xmlns:a16="http://schemas.microsoft.com/office/drawing/2014/main" id="{68096411-138A-9C1F-5395-8B0E5A288D2D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2" name="OTLSHAPE_SLT_5d9d890d48fc4418822012084c459be1_TextPercentage" hidden="1">
            <a:extLst>
              <a:ext uri="{FF2B5EF4-FFF2-40B4-BE49-F238E27FC236}">
                <a16:creationId xmlns:a16="http://schemas.microsoft.com/office/drawing/2014/main" id="{9B983B76-70DD-5711-BA56-F621DEEAA521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363" name="OTLSHAPE_SLT_7b84b718e11f4f268861d3782ad6ec3d_Duration" hidden="1">
            <a:extLst>
              <a:ext uri="{FF2B5EF4-FFF2-40B4-BE49-F238E27FC236}">
                <a16:creationId xmlns:a16="http://schemas.microsoft.com/office/drawing/2014/main" id="{DBAFA36A-4350-7AB0-38A1-F5CAD2ACF8F4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5.5 days</a:t>
            </a:r>
          </a:p>
        </p:txBody>
      </p:sp>
      <p:sp>
        <p:nvSpPr>
          <p:cNvPr id="364" name="OTLSHAPE_SLT_7b84b718e11f4f268861d3782ad6ec3d_JoinedDate" hidden="1">
            <a:extLst>
              <a:ext uri="{FF2B5EF4-FFF2-40B4-BE49-F238E27FC236}">
                <a16:creationId xmlns:a16="http://schemas.microsoft.com/office/drawing/2014/main" id="{2EE65651-47D1-C0BB-DEF2-767FDDF74750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" name="OTLSHAPE_SLT_7b84b718e11f4f268861d3782ad6ec3d_StartDate" hidden="1">
            <a:extLst>
              <a:ext uri="{FF2B5EF4-FFF2-40B4-BE49-F238E27FC236}">
                <a16:creationId xmlns:a16="http://schemas.microsoft.com/office/drawing/2014/main" id="{7BFC2257-895C-14AF-D609-EAA562238A30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6" name="OTLSHAPE_SLT_7b84b718e11f4f268861d3782ad6ec3d_EndDate" hidden="1">
            <a:extLst>
              <a:ext uri="{FF2B5EF4-FFF2-40B4-BE49-F238E27FC236}">
                <a16:creationId xmlns:a16="http://schemas.microsoft.com/office/drawing/2014/main" id="{FB2D1B7A-EA4B-1B8F-6316-C3378D4910F4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7" name="OTLSHAPE_SLT_7b84b718e11f4f268861d3782ad6ec3d_TextPercentage" hidden="1">
            <a:extLst>
              <a:ext uri="{FF2B5EF4-FFF2-40B4-BE49-F238E27FC236}">
                <a16:creationId xmlns:a16="http://schemas.microsoft.com/office/drawing/2014/main" id="{7BA0F6B8-49F2-1475-8EDD-9D8452336F12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221"/>
            </p:custDataLst>
          </p:nvPr>
        </p:nvCxnSpPr>
        <p:spPr>
          <a:xfrm>
            <a:off x="3011975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222"/>
            </p:custDataLst>
          </p:nvPr>
        </p:nvCxnSpPr>
        <p:spPr>
          <a:xfrm>
            <a:off x="5090585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223"/>
            </p:custDataLst>
          </p:nvPr>
        </p:nvCxnSpPr>
        <p:spPr>
          <a:xfrm>
            <a:off x="7124008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224"/>
            </p:custDataLst>
          </p:nvPr>
        </p:nvCxnSpPr>
        <p:spPr>
          <a:xfrm>
            <a:off x="9180025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7" name="OTLSHAPE_SLA_dcff1c639d554448bc614842e864cf96_Shape">
            <a:extLst>
              <a:ext uri="{FF2B5EF4-FFF2-40B4-BE49-F238E27FC236}">
                <a16:creationId xmlns:a16="http://schemas.microsoft.com/office/drawing/2014/main" id="{F1E55E88-F115-97C4-EF11-2841C425D9B8}"/>
              </a:ext>
            </a:extLst>
          </p:cNvPr>
          <p:cNvSpPr/>
          <p:nvPr>
            <p:custDataLst>
              <p:tags r:id="rId225"/>
            </p:custDataLst>
          </p:nvPr>
        </p:nvSpPr>
        <p:spPr>
          <a:xfrm>
            <a:off x="4874599" y="208322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0" name="OTLSHAPE_SLA_f1644f461c154e9a808d0f1567a19d65_Shape">
            <a:extLst>
              <a:ext uri="{FF2B5EF4-FFF2-40B4-BE49-F238E27FC236}">
                <a16:creationId xmlns:a16="http://schemas.microsoft.com/office/drawing/2014/main" id="{8B570D77-7FAA-475D-9228-6025478D736A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6908022" y="223198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SLA_c29df0ccc2ec4b32abeaffa9dc259d39_Shape">
            <a:extLst>
              <a:ext uri="{FF2B5EF4-FFF2-40B4-BE49-F238E27FC236}">
                <a16:creationId xmlns:a16="http://schemas.microsoft.com/office/drawing/2014/main" id="{C9BC5D36-3D9E-54CE-0ED0-272E9ED470FB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9167380" y="223198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A_dcff1c639d554448bc614842e864cf96_Title">
            <a:extLst>
              <a:ext uri="{FF2B5EF4-FFF2-40B4-BE49-F238E27FC236}">
                <a16:creationId xmlns:a16="http://schemas.microsoft.com/office/drawing/2014/main" id="{10F39140-D883-F5E9-C5B6-61F73C6F3392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4765548" y="17195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266" name="OTLSHAPE_SLA_dcff1c639d554448bc614842e864cf96_Date">
            <a:extLst>
              <a:ext uri="{FF2B5EF4-FFF2-40B4-BE49-F238E27FC236}">
                <a16:creationId xmlns:a16="http://schemas.microsoft.com/office/drawing/2014/main" id="{113F9E0E-1824-7104-3DF0-A341890134D9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4812623" y="190279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7</a:t>
            </a:r>
          </a:p>
        </p:txBody>
      </p:sp>
      <p:sp>
        <p:nvSpPr>
          <p:cNvPr id="268" name="OTLSHAPE_SLA_f1644f461c154e9a808d0f1567a19d65_Title">
            <a:extLst>
              <a:ext uri="{FF2B5EF4-FFF2-40B4-BE49-F238E27FC236}">
                <a16:creationId xmlns:a16="http://schemas.microsoft.com/office/drawing/2014/main" id="{D7094F5F-9D1A-5A89-0817-43687CD38399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6798971" y="186833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269" name="OTLSHAPE_SLA_f1644f461c154e9a808d0f1567a19d65_Date">
            <a:extLst>
              <a:ext uri="{FF2B5EF4-FFF2-40B4-BE49-F238E27FC236}">
                <a16:creationId xmlns:a16="http://schemas.microsoft.com/office/drawing/2014/main" id="{DDA27F7B-EB25-5332-34E2-E463ACB21877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6836732" y="205155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271" name="OTLSHAPE_SLA_c29df0ccc2ec4b32abeaffa9dc259d39_Title">
            <a:extLst>
              <a:ext uri="{FF2B5EF4-FFF2-40B4-BE49-F238E27FC236}">
                <a16:creationId xmlns:a16="http://schemas.microsoft.com/office/drawing/2014/main" id="{19F85AEF-A881-B6C5-CEB0-486D68E3970B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9058329" y="186833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272" name="OTLSHAPE_SLA_c29df0ccc2ec4b32abeaffa9dc259d39_Date">
            <a:extLst>
              <a:ext uri="{FF2B5EF4-FFF2-40B4-BE49-F238E27FC236}">
                <a16:creationId xmlns:a16="http://schemas.microsoft.com/office/drawing/2014/main" id="{089FBEAA-8AC5-C70D-066D-B465CA01F3ED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9166957" y="2051558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5</a:t>
            </a: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702204" y="92989"/>
            <a:ext cx="1078759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Technology Roadmap with Swimlanes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4" name="Picture 43" descr="Icon&#10;&#10;Description automatically generated">
            <a:extLst>
              <a:ext uri="{FF2B5EF4-FFF2-40B4-BE49-F238E27FC236}">
                <a16:creationId xmlns:a16="http://schemas.microsoft.com/office/drawing/2014/main" id="{96844406-0CED-969C-EA79-F83A7BE531C3}"/>
              </a:ext>
            </a:extLst>
          </p:cNvPr>
          <p:cNvPicPr>
            <a:picLocks noChangeAspect="1"/>
          </p:cNvPicPr>
          <p:nvPr/>
        </p:nvPicPr>
        <p:blipFill>
          <a:blip r:embed="rId2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94857" y="391538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0189842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C0xMi0yN1QxMT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giLCJUb3AiOjAuMCwiTGVmdCI6MC4wLCJSaWdodCI6MC4wLCJCb3R0b20iOjAuMH0sIlBhZGRpbmciOnsiJGlkIjoiODkiLCJUb3AiOjAuMCwiTGVmdCI6MC4wLCJSaWdodCI6MC4wLCJCb3R0b20iOjAuMH0sIkJhY2tncm91bmQiOnsiJGlkIjoiOTAiLCJDb2xvciI6eyIkaWQiOiI5MSIsIkEiOjAsIlIiOjI1NSwiRyI6MjU1LCJCIjoyNTV9fSwiSXNWaXNpYmxlIjp0cnVlLCJXaWR0aCI6MC4wLCJIZWlnaHQiOjAuMCwiQm9yZGVyU3R5bGUiOnsiJGlkIjoiOTIiLCJMaW5lQ29sb3IiOm51bGwsIkxpbmVXZWlnaHQiOjAuMCwiTGluZVR5cGUiOjAsIlBhcmVudFN0eWxlIjpudWxsfSwiUGFyZW50U3R5bGUiOm51bGx9LCJEYXRl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yZWYiOiIxMjMifX0sIklzVmlzaWJsZSI6dHJ1ZSwiV2lkdGgiOjAuMCwiSGVpZ2h0IjowLjAsIkJvcmRlclN0eWxlIjp7IiRpZCI6IjE1NSIsIkxpbmVDb2xvciI6bnVsbCwiTGluZVdlaWdodCI6MC4wLCJMaW5lVHlwZSI6MCwiUGFyZW50U3R5bGUiOm51bGx9LCJQYXJlbnRTdHlsZSI6bnVsbH0sIkRhdGVGb3JtYXQiOnsiJGlkIjoiMTU2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aWQiOiIxNjciLCJDb2xvciI6eyIkaWQiOiIxNjg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ODEiLCJNYXJnaW4iOnsiJGlkIjoiMTgyIiwiVG9wIjowLjAsIkxlZnQiOjQuMCwiUmlnaHQiOjQuMCwiQm90dG9tIjowLjB9LCJQYWRkaW5nIjp7IiRpZCI6IjE4MyIsIlRvcCI6MC4wLCJMZWZ0IjowLjAsIlJpZ2h0IjowLjAsIkJvdHRvbSI6MC4wfSwiQmFja2dyb3VuZCI6eyIkaWQiOiIxODQiLCJDb2xvciI6eyIkaWQiOiIxODUiLCJBIjoyNTUsIlIiOjg2LCJHIjoyMDcsIkIiOjIxOX19LCJJc1Zpc2libGUiOnRydWUsIldpZHRoIjowLjAsIkhlaWdodCI6MTA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mZhbHNlLCJJc0l0YWxpYyI6ZmFsc2UsIklzVW5kZXJsaW5lZCI6ZmFsc2UsIlBhcmVudFN0eWxlIjpudWxsfSwiQXV0b1NpemUiOjAsIkZvcmVncm91bmQiOnsiJGlkIjoiMTkxIiwiQ29sb3IiOnsiJGlkIjoiMTk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0MCIsIlRvcCI6MC4wLCJMZWZ0IjowLjAsIlJpZ2h0IjowLjAsIkJvdHRvbSI6MC4wfSwiUGFkZGluZyI6eyIkaWQiOiIyNDEiLCJUb3AiOjAuMCwiTGVmdCI6MC4wLCJSaWdodCI6MC4wLCJCb3R0b20iOjAuMH0sIkJhY2tncm91bmQiOnsiJGlkIjoiMjQyIiwiQ29sb3IiOnsiJGlkIjoiMjQzIiwiQSI6MCwiUiI6MjU1LCJHIjoyNTUsIkIiOjI1NX1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dHJ1ZSwiV2lkdGgiOjAuMCwiSGVpZ2h0IjowLjAsIkJvcmRlclN0eWxlIjpudWxsLCJQYXJlbnRTdHlsZSI6bnVsbH0sIkRhdGVGb3JtYXQiOnsiJGlkIjoiM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pZCI6IjI5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I5MyIsIkNvbG9yIjp7IiRpZCI6IjI5NCIsIkEiOjAsIlIiOjI1NSwiRyI6MjU1LCJCIjoyNTV9fSwiSXNWaXNpYmxlIjp0cnVlLCJXaWR0aCI6MC4wLCJIZWlnaHQiOjAuMCwiQm9yZGVyU3R5bGUiOm51bGwsIlBhcmVudFN0eWxlIjpudWxsfSwiRGF0ZVN0eWxlIjp7IiRpZCI6IjI5NSIsIkZvbnRTZXR0aW5ncyI6eyIkaWQiOiIyOTYiLCJGb250U2l6ZSI6MTAsIkZvbnROYW1lIjoiQ2FsaWJyaSIsIklzQm9sZCI6ZmFsc2UsIklzSXRhbGljIjpmYWxzZSwiSXNVbmRlcmxpbmVkIjpmYWxzZSwiUGFyZW50U3R5bGUiOm51bGx9LCJBdXRvU2l6ZSI6MCwiRm9yZWdyb3VuZCI6eyIkaWQiOiIyOTciLCJDb2xvciI6eyIkaWQiOiIyO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zcifSwiUGFkZGluZyI6eyIkcmVmIjoiMjc4In0sIkJhY2tncm91bmQiOnsiJGlkIjoiMjk5IiwiQ29sb3IiOnsiJGlkIjoiMzAwIiwiQSI6MCwiUiI6MjU1LCJHIjoyNTUsIkIiOjI1NX19LCJJc1Zpc2libGUiOnRydWUsIldpZHRoIjowLjAsIkhlaWdodCI6MC4wLCJCb3JkZXJTdHlsZSI6bnVsbCwiUGFyZW50U3R5bGUiOm51bGx9LCJEYXRlRm9ybWF0Ijp7IiRpZCI6IjM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nsiJHJlZiI6IjEyMiJ9LCJJc1Zpc2libGUiOnRydWUsIldpZHRoIjowLjAsIkhlaWdodCI6MC4wLCJCb3JkZXJTdHlsZSI6eyIkaWQiOiIzMjAiLCJMaW5lQ29sb3IiOm51bGwsIkxpbmVXZWlnaHQiOjAuMCwiTGluZVR5cGUiOjAsIlBhcmVudFN0eWxlIjpudWxsfSwiUGFyZW50U3R5bGUiOm51bGx9LCJIb3Jpem9udGFsQ29ubmVjdG9yU3R5bGUiOnsiJGlkIjoiMzIxIiwiTGluZUNvbG9yIjp7IiRyZWYiOiIxMjYifSwiTGluZVdlaWdodCI6MS4wLCJMaW5lVHlwZSI6MCwiUGFyZW50U3R5bGUiOm51bGx9LCJWZXJ0aWNhbENvbm5lY3RvclN0eWxlIjp7IiRpZCI6IjMyMiIsIkxpbmVDb2xvciI6eyIkcmVmIjoiMTI5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yZWYiOiIxMjIifSwiSXNWaXNpYmxlIjp0cnVlLCJXaWR0aCI6MC4wLCJIZWlnaHQiOjAuMCwiQm9yZGVyU3R5bGUiOnsiJGlkIjoiMzY3IiwiTGluZUNvbG9yIjpudWxsLCJMaW5lV2VpZ2h0IjowLjAsIkxpbmVUeXBlIjowLCJQYXJlbnRTdHlsZSI6bnVsbH0sIlBhcmVudFN0eWxlIjpudWxsfSwiSG9yaXpvbnRhbENvbm5lY3RvclN0eWxlIjp7IiRpZCI6IjM2OCIsIkxpbmVDb2xvciI6eyIkcmVmIjoiMTI2In0sIkxpbmVXZWlnaHQiOjEuMCwiTGluZVR5cGUiOjAsIlBhcmVudFN0eWxlIjpudWxsfSwiVmVydGljYWxDb25uZWN0b3JTdHlsZSI6eyIkaWQiOiIzNjkiLCJMaW5lQ29sb3IiOnsiJHJlZiI6IjEy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M4MiIsIlRvcCI6MC4wLCJMZWZ0IjowLjAsIlJpZ2h0IjowLjAsIkJvdHRvbSI6MC4wfSwiUGFkZGluZyI6eyIkaWQiOiIzODMiLCJUb3AiOjAuMCwiTGVmdCI6MC4wLCJSaWdodCI6MC4wLCJCb3R0b20iOjAuMH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TUiLCJUb3AiOjAuMCwiTGVmdCI6MC4wLCJSaWdodCI6MC4wLCJCb3R0b20iOjAuMH0sIlBhZGRpbmciOnsiJGlkIjoiNDk2IiwiVG9wIjowLjAsIkxlZnQiOjAuMCwiUmlnaHQiOjAuMCwiQm90dG9tIjowLjB9LCJCYWNrZ3JvdW5kIjp7IiRpZCI6IjQ5NyIsIkNvbG9yIjp7IiRyZWYiOiI0NjgifX0sIklzVmlzaWJsZSI6dHJ1ZSwiV2lkdGgiOjAuMCwiSGVpZ2h0IjowLjAsIkJvcmRlclN0eWxlIjpudWxsLCJQYXJlbnRTdHlsZSI6bnVsbH0sIkRhdGVGb3JtYXQiOnsiJGlkIjoiNDk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5OSIsIkRhdGVQYXJ0SXNWaXNpYmxlIjp0cnVlLCJUaW1lUGFydElzVmlzaWJsZSI6ZmFsc2V9fSwiV2Vla051bWJlcmluZyI6eyIkaWQiOiI1MDAiLCJGb3JtYXQiOjAsIklzVmlzaWJsZSI6ZmFsc2UsIkxhc3RLbm93blZpc2liaWxpdHlTdGF0ZSI6ZmFsc2V9LCJJc1Zpc2libGUiOnRydWUsIlBhcmVudFN0eWxlIjpudWxsLCJfZXhwbGljaXRseVNldCI6eyIkaWQiOiI1M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yOCIsIlRvcCI6MC4wLCJMZWZ0IjowLjAsIlJpZ2h0IjowLjAsIkJvdHRvbSI6MC4wfSwiUGFkZGluZyI6eyIkaWQiOiI1MjkiLCJUb3AiOjAuMCwiTGVmdCI6MC4wLCJSaWdodCI6MC4wLCJCb3R0b20iOjAuMH0sIkJhY2tncm91bmQiOnsiJGlkIjoiNTMwIiwiQ29sb3IiOnsiJGlkIjoiNTMxIiwiQSI6MCwiUiI6MjU1LCJHIjoyNTUsIkIiOjI1NX19LCJJc1Zpc2libGUiOnRydWUsIldpZHRoIjowLjAsIkhlaWdodCI6MC4wLCJCb3JkZXJTdHlsZSI6bnVsbCwiUGFyZW50U3R5bGUiOm51bGx9LCJEYXRlRm9ybWF0Ijp7IiRpZCI6IjU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udWxsLCJQYXJlbnRTdHlsZSI6bnVsbH0sIkRhdGVTdHlsZSI6eyIkaWQiOiI1NTEiLCJGb250U2V0dGluZ3MiOnsiJGlkIjoiNTUyIiwiRm9udFNpemUiOjEwLCJGb250TmFtZSI6IkNhbGlicmkiLCJJc0JvbGQiOmZhbHNlLCJJc0l0YWxpYyI6ZmFsc2UsIklzVW5kZXJsaW5lZCI6ZmFsc2UsIlBhcmVudFN0eWxlIjpudWxsfSwiQXV0b1NpemUiOjAsIkZvcmVncm91bmQiOnsiJGlkIjoiNTUzIiwiQ29sb3IiOnsiJGlkIjoiNTU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m51bGwsIlBhcmVudFN0eWxlIjpudWxsfSwiRGF0ZUZvcm1hdCI6eyIkaWQiOiI1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aWQiOiI2NDUiLCJDb2xvciI6eyIkaWQiOiI2N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yZWYiOiIxMjIifSwiSXNWaXNpYmxlIjp0cnVlLCJXaWR0aCI6MC4wLCJIZWlnaHQiOjAuMCwiQm9yZGVyU3R5bGUiOnsiJGlkIjoiNzk4IiwiTGluZUNvbG9yIjpudWxsLCJMaW5lV2VpZ2h0IjowLjAsIkxpbmVUeXBlIjowLCJQYXJlbnRTdHlsZSI6bnVsbH0sIlBhcmVudFN0eWxlIjpudWxsfSwiSG9yaXpvbnRhbENvbm5lY3RvclN0eWxlIjp7IiRpZCI6Ijc5OSIsIkxpbmVDb2xvciI6eyIkcmVmIjoiMTI2In0sIkxpbmVXZWlnaHQiOjEuMCwiTGluZVR5cGUiOjAsIlBhcmVudFN0eWxlIjpudWxsfSwiVmVydGljYWxDb25uZWN0b3JTdHlsZSI6eyIkaWQiOiI4MDAiLCJMaW5lQ29sb3IiOnsiJHJlZiI6IjEy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HJlZiI6IjE1NCJ9LCJJc1Zpc2libGUiOnRydWUsIldpZHRoIjowLjAsIkhlaWdodCI6MC4wLCJCb3JkZXJTdHlsZSI6eyIkaWQiOiI4MjIiLCJMaW5lQ29sb3IiOm51bGwsIkxpbmVXZWlnaHQiOjAuMCwiTGluZVR5cGUiOjAsIlBhcmVudFN0eWxlIjpudWxsfSwiUGFyZW50U3R5bGUiOm51bGx9LCJEYXRlRm9ybWF0Ijp7IiRpZCI6IjgyM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Q5IiwiVG9wIjowLjAsIkxlZnQiOjAuMCwiUmlnaHQiOjAuMCwiQm90dG9tIjowLjB9LCJQYWRkaW5nIjp7IiRpZCI6Ijg1MCIsIlRvcCI6MC4wLCJMZWZ0IjowLjAsIlJpZ2h0IjowLjAsIkJvdHRvbSI6MC4wfSwiQmFja2dyb3VuZCI6eyIkaWQiOiI4NTEiLCJDb2xvciI6eyIkaWQiOiI4NTIiLCJBIjowLCJSIjoyNTUsIkciOjI1NSwiQiI6MjU1fX0sIklzVmlzaWJsZSI6dHJ1ZSwiV2lkdGgiOjAuMCwiSGVpZ2h0IjowLjAsIkJvcmRlclN0eWxlIjpudWxsLCJQYXJlbnRTdHlsZSI6bnVsbH0sIkRhdGVGb3JtYXQiOnsiJGlkIjoiOD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NC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zYiLCJUb3AiOjAuMCwiTGVmdCI6MC4wLCJSaWdodCI6MC4wLCJCb3R0b20iOjAuMH0sIlBhZGRpbmciOnsiJGlkIjoiODc3IiwiVG9wIjowLjAsIkxlZnQiOjAuMCwiUmlnaHQiOjAuMCwiQm90dG9tIjowLjB9LCJCYWNrZ3JvdW5kIjp7IiRpZCI6Ijg3OCIsIkNvbG9yIjp7IiRpZCI6Ijg3OSIsIkEiOjAsIlIiOjI1NSwiRyI6MjU1LCJCIjoyNTV9fSwiSXNWaXNpYmxlIjp0cnVlLCJXaWR0aCI6MC4wLCJIZWlnaHQiOjAuMCwiQm9yZGVyU3R5bGUiOm51bGwsIlBhcmVudFN0eWxlIjpudWxsfSwiRGF0ZUZvcm1hdCI6eyIkaWQiOiI4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x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HJlZiI6IjE1NCJ9LCJJc1Zpc2libGUiOnRydWUsIldpZHRoIjowLjAsIkhlaWdodCI6MC4wLCJCb3JkZXJTdHlsZSI6eyIkaWQiOiI5MjQiLCJMaW5lQ29sb3IiOm51bGwsIkxpbmVXZWlnaHQiOjAuMCwiTGluZVR5cGUiOjAsIlBhcmVudFN0eWxlIjpudWxsfSwiUGFyZW50U3R5bGUiOm51bGx9LCJEYXRlRm9ybWF0Ijp7IiRpZCI6Ijk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g5LCJSIjowLCJHIjowLCJCIjowfX0sIklzVmlzaWJsZSI6dHJ1ZSwiV2lkdGgiOjAuMCwiSGVpZ2h0IjowLjAsIkJvcmRlclN0eWxlIjpudWxsLCJQYXJlbnRTdHlsZSI6bnVsbH0sIkR1cmF0aW9uU3R5bGUiOnsiJGlkIjoiMTAzMCIsIkZvbnRTZXR0aW5ncyI6eyIkaWQiOiIxMDMxIiwiRm9udFNpemUiOjEwLCJGb250TmFtZSI6IkNhbGlicmkiLCJJc0JvbGQiOmZhbHNlLCJJc0l0YWxpYyI6ZmFsc2UsIklzVW5kZXJsaW5lZCI6ZmFsc2UsIlBhcmVudFN0eWxlIjpudWxsfSwiQXV0b1NpemUiOjAsIkZvcmVncm91bmQiOnsiJGlkIjoiMTAzMiIsIkNvbG9yIjp7IiRpZCI6IjEw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Y0IiwiVG9wIjowLjAsIkxlZnQiOjAuMCwiUmlnaHQiOjAuMCwiQm90dG9tIjowLjB9LCJQYWRkaW5nIjp7IiRpZCI6IjEwNjUiLCJUb3AiOjAuMCwiTGVmdCI6MC4wLCJSaWdodCI6MC4wLCJCb3R0b20iOjAuMH0sIkJhY2tncm91bmQiOnsiJGlkIjoiMTA2NiIsIkNvbG9yIjp7IiRyZWYiOiIxMDM3In19LCJJc1Zpc2libGUiOnRydWUsIldpZHRoIjowLjAsIkhlaWdodCI6MC4wLCJCb3JkZXJTdHlsZSI6bnVsbCwiUGFyZW50U3R5bGUiOm51bGx9LCJEYXRlRm9ybWF0Ijp7IiRpZCI6IjEwNj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2OCIsIkRhdGVQYXJ0SXNWaXNpYmxlIjp0cnVlLCJUaW1lUGFydElzVmlzaWJsZSI6ZmFsc2V9fSwiV2Vla051bWJlcmluZyI6eyIkaWQiOiIxMDY5IiwiRm9ybWF0IjowLCJJc1Zpc2libGUiOmZhbHNlLCJMYXN0S25vd25WaXNpYmlsaXR5U3RhdGUiOmZhbHNlfSwiSXNWaXNpYmxlIjp0cnVlLCJQYXJlbnRTdHlsZSI6bnVsbCwiX2V4cGxpY2l0bHlTZXQiOnsiJGlkIjoiMTA3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5NyIsIlRvcCI6MC4wLCJMZWZ0IjowLjAsIlJpZ2h0IjowLjAsIkJvdHRvbSI6MC4wfSwiUGFkZGluZyI6eyIkaWQiOiIxMDk4IiwiVG9wIjowLjAsIkxlZnQiOjAuMCwiUmlnaHQiOjAuMCwiQm90dG9tIjowLjB9LCJCYWNrZ3JvdW5kIjp7IiRpZCI6IjEwOTkiLCJDb2xvciI6eyIkcmVmIjoiMTA5MiJ9fSwiSXNWaXNpYmxlIjp0cnVlLCJXaWR0aCI6MC4wLCJIZWlnaHQiOjAuMCwiQm9yZGVyU3R5bGUiOm51bGwsIlBhcmVudFN0eWxlIjpudWxsfSwiRGF0ZUZvcm1hdCI6eyIkaWQiOiIxMT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IzIiwiVG9wIjowLjAsIkxlZnQiOjAuMCwiUmlnaHQiOjAuMCwiQm90dG9tIjowLjB9LCJQYWRkaW5nIjp7IiRpZCI6IjExMjQiLCJUb3AiOjAuMCwiTGVmdCI6MC4wLCJSaWdodCI6MC4wLCJCb3R0b20iOjAuMH0sIkJhY2tncm91bmQiOnsiJGlkIjoiMTEyNSIsIkNvbG9yIjp7IiRpZCI6IjExMjYiLCJBIjowLCJSIjoyNTUsIkciOjI1NSwiQiI6MjU1fX0sIklzVmlzaWJsZSI6dHJ1ZSwiV2lkdGgiOjAuMCwiSGVpZ2h0IjowLjAsIkJvcmRlclN0eWxlIjpudWxsLCJQYXJlbnRTdHlsZSI6bnVsbH0sIkRhdGVGb3JtYXQiOnsiJGlkIjoiMT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HJlZiI6IjEyMiJ9LCJJc1Zpc2libGUiOnRydWUsIldpZHRoIjowLjAsIkhlaWdodCI6MC4wLCJCb3JkZXJTdHlsZSI6eyIkaWQiOiIxMjcyIiwiTGluZUNvbG9yIjpudWxsLCJMaW5lV2VpZ2h0IjowLjAsIkxpbmVUeXBlIjowLCJQYXJlbnRTdHlsZSI6bnVsbH0sIlBhcmVudFN0eWxlIjpudWxsfSwiSG9yaXpvbnRhbENvbm5lY3RvclN0eWxlIjp7IiRpZCI6IjEyNzMiLCJMaW5lQ29sb3IiOnsiJHJlZiI6IjEyNiJ9LCJMaW5lV2VpZ2h0IjoxLjAsIkxpbmVUeXBlIjowLCJQYXJlbnRTdHlsZSI6bnVsbH0sIlZlcnRpY2FsQ29ubmVjdG9yU3R5bGUiOnsiJGlkIjoiMTI3NCIsIkxpbmVDb2xvciI6eyIkcmVmIjoiMTI5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MzIiwiVG9wIjowLjAsIkxlZnQiOjAuMCwiUmlnaHQiOjAuMCwiQm90dG9tIjowLjB9LCJQYWRkaW5nIjp7IiRpZCI6IjE1MzQiLCJUb3AiOjAuMCwiTGVmdCI6MC4wLCJSaWdodCI6MC4wLCJCb3R0b20iOjAuMH0sIkJhY2tncm91bmQiOnsiJGlkIjoiMTUzNSIsIkNvbG9yIjp7IiRyZWYiOiIxNTA2In19LCJJc1Zpc2libGUiOnRydWUsIldpZHRoIjowLjAsIkhlaWdodCI6MC4wLCJCb3JkZXJTdHlsZSI6bnVsbCwiUGFyZW50U3R5bGUiOm51bGx9LCJEYXRlRm9ybWF0Ijp7IiRpZCI6IjE1Mz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UzNyIsIkRhdGVQYXJ0SXNWaXNpYmxlIjp0cnVlLCJUaW1lUGFydElzVmlzaWJsZSI6ZmFsc2V9fSwiV2Vla051bWJlcmluZyI6eyIkaWQiOiIxNTM4IiwiRm9ybWF0IjowLCJJc1Zpc2libGUiOmZhbHNlLCJMYXN0S25vd25WaXNpYmlsaXR5U3RhdGUiOmZhbHNlfSwiSXNWaXNpYmxlIjp0cnVlLCJQYXJlbnRTdHlsZSI6bnVsbCwiX2V4cGxpY2l0bHlTZXQiOnsiJGlkIjoiMTUz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2NiIsIlRvcCI6MC4wLCJMZWZ0IjowLjAsIlJpZ2h0IjowLjAsIkJvdHRvbSI6MC4wfSwiUGFkZGluZyI6eyIkaWQiOiIxNTY3IiwiVG9wIjowLjAsIkxlZnQiOjAuMCwiUmlnaHQiOjAuMCwiQm90dG9tIjowLjB9LCJCYWNrZ3JvdW5kIjp7IiRpZCI6IjE1NjgiLCJDb2xvciI6eyIkcmVmIjoiMTU2MSJ9fSwiSXNWaXNpYmxlIjp0cnVlLCJXaWR0aCI6MC4wLCJIZWlnaHQiOjAuMCwiQm9yZGVyU3R5bGUiOm51bGwsIlBhcmVudFN0eWxlIjpudWxsfSwiRGF0ZUZvcm1hdCI6eyIkaWQiOiIxN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kyIiwiVG9wIjowLjAsIkxlZnQiOjAuMCwiUmlnaHQiOjAuMCwiQm90dG9tIjowLjB9LCJQYWRkaW5nIjp7IiRpZCI6IjE1OTMiLCJUb3AiOjAuMCwiTGVmdCI6MC4wLCJSaWdodCI6MC4wLCJCb3R0b20iOjAuMH0sIkJhY2tncm91bmQiOnsiJGlkIjoiMTU5NCIsIkNvbG9yIjp7IiRpZCI6IjE1OTUiLCJBIjo4OSwiUiI6MCwiRyI6MCwiQiI6MH19LCJJc1Zpc2libGUiOnRydWUsIldpZHRoIjowLjAsIkhlaWdodCI6MC4wLCJCb3JkZXJTdHlsZSI6bnVsbCwiUGFyZW50U3R5bGUiOm51bGx9LCJEYXRlRm9ybWF0Ijp7IiRpZCI6IjE1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A3IiwiVG9wIjowLjAsIkxlZnQiOjAuMCwiUmlnaHQiOjAuMCwiQm90dG9tIjowLjB9LCJQYWRkaW5nIjp7IiRpZCI6IjE5MDgiLCJUb3AiOjAuMCwiTGVmdCI6MC4wLCJSaWdodCI6MC4wLCJCb3R0b20iOjAuMH0sIkJhY2tncm91bmQiOnsiJGlkIjoiMTkwOSIsIkNvbG9yIjp7IiRyZWYiOiIxODgwIn19LCJJc1Zpc2libGUiOnRydWUsIldpZHRoIjowLjAsIkhlaWdodCI6MC4wLCJCb3JkZXJTdHlsZSI6bnVsbCwiUGFyZW50U3R5bGUiOm51bGx9LCJEYXRlRm9ybWF0Ijp7IiRpZCI6IjE5MT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kxMSIsIkRhdGVQYXJ0SXNWaXNpYmxlIjp0cnVlLCJUaW1lUGFydElzVmlzaWJsZSI6ZmFsc2V9fSwiV2Vla051bWJlcmluZyI6eyIkaWQiOiIxOTEyIiwiRm9ybWF0IjowLCJJc1Zpc2libGUiOmZhbHNlLCJMYXN0S25vd25WaXNpYmlsaXR5U3RhdGUiOmZhbHNlfSwiSXNWaXNpYmxlIjp0cnVlLCJQYXJlbnRTdHlsZSI6bnVsbCwiX2V4cGxpY2l0bHlTZXQiOnsiJGlkIjoiMTkx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0MCIsIlRvcCI6MC4wLCJMZWZ0IjowLjAsIlJpZ2h0IjowLjAsIkJvdHRvbSI6MC4wfSwiUGFkZGluZyI6eyIkaWQiOiIxOTQxIiwiVG9wIjowLjAsIkxlZnQiOjAuMCwiUmlnaHQiOjAuMCwiQm90dG9tIjowLjB9LCJCYWNrZ3JvdW5kIjp7IiRpZCI6IjE5NDIiLCJDb2xvciI6eyIkcmVmIjoiMTkzNSJ9fSwiSXNWaXNpYmxlIjp0cnVlLCJXaWR0aCI6MC4wLCJIZWlnaHQiOjAuMCwiQm9yZGVyU3R5bGUiOm51bGwsIlBhcmVudFN0eWxlIjpudWxsfSwiRGF0ZUZvcm1hdCI6eyIkaWQiOiIxO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Y2IiwiVG9wIjowLjAsIkxlZnQiOjAuMCwiUmlnaHQiOjAuMCwiQm90dG9tIjowLjB9LCJQYWRkaW5nIjp7IiRpZCI6IjE5NjciLCJUb3AiOjAuMCwiTGVmdCI6MC4wLCJSaWdodCI6MC4wLCJCb3R0b20iOjAuMH0sIkJhY2tncm91bmQiOnsiJGlkIjoiMTk2OCIsIkNvbG9yIjp7IiRpZCI6IjE5NjkiLCJBIjo4OSwiUiI6MCwiRyI6MCwiQiI6MH19LCJJc1Zpc2libGUiOnRydWUsIldpZHRoIjowLjAsIkhlaWdodCI6MC4wLCJCb3JkZXJTdHlsZSI6bnVsbCwiUGFyZW50U3R5bGUiOm51bGx9LCJEYXRlRm9ybWF0Ijp7IiRpZCI6IjE5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IxMDQiLCJDb2xvciI6eyIkcmVmIjoiMTIzIn19LCJJc1Zpc2libGUiOnRydWUsIldpZHRoIjowLjAsIkhlaWdodCI6MC4wLCJCb3JkZXJTdHlsZSI6bnVsbCwiUGFyZW50U3R5bGUiOm51bGx9LCJEYXRlRm9ybWF0Ijp7IiRpZCI6IjIx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MzIiwiVG9wIjowLjAsIkxlZnQiOjAuMCwiUmlnaHQiOjAuMCwiQm90dG9tIjowLjB9LCJQYWRkaW5nIjp7IiRpZCI6IjIxMzQiLCJUb3AiOjAuMCwiTGVmdCI6MC4wLCJSaWdodCI6MC4wLCJCb3R0b20iOjAuMH0sIkJhY2tncm91bmQiOnsiJGlkIjoiMjEzNSIsIkNvbG9yIjp7IiRyZWYiOiIyMTI4In19LCJJc1Zpc2libGUiOnRydWUsIldpZHRoIjowLjAsIkhlaWdodCI6MC4wLCJCb3JkZXJTdHlsZSI6bnVsbCwiUGFyZW50U3R5bGUiOm51bGx9LCJEYXRlRm9ybWF0Ijp7IiRpZCI6IjIx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jE3MCIsIkRhdGVQYXJ0SXNWaXNpYmxlIjp0cnVlLCJUaW1lUGFydElzVmlzaWJsZSI6ZmFsc2V9fSwiV2Vla051bWJlcmluZyI6eyIkaWQiOiIyMTcxIiwiRm9ybWF0IjowLCJJc1Zpc2libGUiOmZhbHNlLCJMYXN0S25vd25WaXNpYmlsaXR5U3RhdGUiOmZhbHNlfSwiSXNWaXNpYmxlIjp0cnVlLCJQYXJlbnRTdHlsZSI6bnVsbCwiX2V4cGxpY2l0bHlTZXQiOnsiJGlkIjoiMjE3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5NCIsIlRvcCI6MC4wLCJMZWZ0IjowLjAsIlJpZ2h0IjowLjAsIkJvdHRvbSI6MC4wfSwiUGFkZGluZyI6eyIkaWQiOiIyMTk1IiwiVG9wIjowLjAsIkxlZnQiOjAuMCwiUmlnaHQiOjAuMCwiQm90dG9tIjowLjB9LCJCYWNrZ3JvdW5kIjp7IiRpZCI6IjIxOTYiLCJDb2xvciI6eyIkaWQiOiIyMTk3IiwiQSI6ODksIlIiOjAsIkciOjAsIkIiOjB9fSwiSXNWaXNpYmxlIjp0cnVlLCJXaWR0aCI6MC4wLCJIZWlnaHQiOjAuMCwiQm9yZGVyU3R5bGUiOm51bGwsIlBhcmVudFN0eWxlIjpudWxsfSwiRGF0ZUZvcm1hdCI6eyIkaWQiOiIyMT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NWVmNzcxZmQtZDc0MS00YTJkLTliMjktYzZmYTVjODMzZDY1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CxcIkdcIjowLFwiQlwiOjB9fSxcIkVsYXBzZWRUaW1lRm9ybWF0XCI6MixcIklzVmlzaWJsZVwiOmZhbHN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x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OCxcIkdcIjoyMzYsXCJCXCI6MjI1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1LFwiRHVyYXRpb25Qb3NpdGlvblwiOjAsXCJQZXJjZW50YWdlQ29tcGxldGVkUG9zaXRpb25cIjoyLFwiU3BhY2luZ1wiOjM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xMjcsXCJSXCI6MTU0LFwiR1wiOjIyMixcIkJcIjoyMTZ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CxcIklzVmlzaWJsZVwiOnRydWV9LFwiRGF0ZUZvcm1hdFwiOntcIiRpZFwiOlwiODJcIixcIkZvcm1hdFN0cmluZ1wiOlwiTU1NIGRcIixcIlNlcGFyYXRvclwiOlwiL1wiLFwiVXNlSW50ZXJuYXRpb25hbERhdGVGb3JtYXRcIjpmYWxzZSxcIkRhdGVJc1Zpc2libGVcIjpmYWxz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A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TI3LFwiUlwiOjE1NCxcIkdcIjoyMjIsXCJCXCI6MjE2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TI3LFwiUlwiOjE1NCxcIkdcIjoyMjIsXCJCXCI6MjE2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Y4LFwiR1wiOjg0LFwiQlwiOjEwNn19LFwiSG9yaXpvbnRhbEFsaWdubWVudFwiOjA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YjA1NGEwY2ItNDAwNi00NGE4LTlmMjctN2MwZDM1MWY4MDhl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TI3LFwiUlwiOjE1NCxcIkdcIjoyMjIsXCJCXCI6MjE2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M4LFwiUlwiOjAsXCJHXCI6MCxcIkJcIjo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NTQsXCJHXCI6MjIyLFwiQlwiOjIxNn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wLFwiR1wiOjAsXCJCXCI6M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wLFwiRGF0ZVBvc2l0aW9uXCI6MCxcIlNoYXBlVHlwZVwiOjEx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TUsXCJHXCI6MTE1LFwiQlwiOjExNX19LFwiSXNWaXNpYmxlXCI6dHJ1ZSxcIldpZHRoXCI6MTguMCxcIkhlaWdodFwiOjI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y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I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DYsXCJHXCI6MjA3LFwiQlwiOjIxOX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ZmFsc2UsXCJJc0l0YWxpY1wiOmZhbHNlLFwiSXNVbmRlcmxpbmVkXCI6ZmFsc2V9LFwiRm9yZWdyb3VuZFwiOntcIiRpZFwiOlwiMjE4XCIsXCJDb2xvclwiOntcIiRpZFwiOlwiMjE5XCIsXCJBXCI6MjU1LFwiUlwiOjI1NSxcIkdcIjoyNTUsXCJCXCI6MjU1fX0sXCJIb3Jpem9udGFsQWxpZ25tZW50XCI6MS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2OCxcIkdcIjo4NCxcIkJcIjoxMDZ9fSxcIkhvcml6b250YWxBbGlnbm1lbnRcIjowLFwiSXNWaXNpYmxlXCI6ZmFsc2V9LFwiRGF0ZUZvcm1hdFwiOntcIiRpZFwiOlwiMjI0XCIsXCJGb3JtYXRTdHJpbmdcIjpcIk1NTSBkXCIsXCJTZXBhcmF0b3JcIjpcIi9cIixcIlVzZUludGVybmF0aW9uYWxEYXRlRm9ybWF0XCI6ZmFsc2UsXCJEYXRlSXNWaXNpYmxlXCI6ZmFsc2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NSxcIkdcIjoxMTUsXCJCXCI6MTE1fX0sXCJJc1Zpc2libGVcIjp0cnVlLFwiV2lkdGhcIjoxOC4wLFwiSGVpZ2h0XCI6MjA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mM2M0NjUwNy1mMWUzLTQ3ODUtODMzNS1mOTU0ODE3MGQwOWFcIixcIk5hbWVcIjpcIlN3aW1sYW5lIFN0eWxlIDJcIixcIkhlYWRlclN0eWxlXCI6e1wiJGlkXCI6XCIyNDhcIixcIlRleHRTdHlsZVwiOntcIiRpZFwiOlwiMjQ5XCIsXCJGb250U2V0dGluZ3NcIjp7XCIkaWRcIjpcIjI1MFwiLFwiRm9udFNpemVcIjoxMixcIkZvbnROYW1lXCI6XCJDYWxpYnJpXCIsXCJJc0JvbGRcIjpmYWxzZSxcIklzSXRhbGljXCI6ZmFsc2UsXCJJc1VuZGVybGluZWRcIjpmYWxzZX0sXCJGb3JlZ3JvdW5kXCI6e1wiJGlkXCI6XCIyNTFcIixcIkNvbG9yXCI6e1wiJGlkXCI6XCIyNTJcIixcIkFcIjoyNTUsXCJSXCI6MzIsXCJHXCI6NTYsXCJCXCI6MTAw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TI3LFwiUlwiOjExMSxcIkdcIjo0OSxcIkJcIjoxNTJ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AsXCJHXCI6MCxcIkJcIjo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xMTEsXCJHXCI6NDksXCJCXCI6MTUy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M4LFwiUlwiOjAsXCJHXCI6MCxcIkJcIjow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AsXCJEYXRlUG9zaXRpb25cIjowLFwiU2hhcGVUeXBlXCI6MTM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ExNSxcIkdcIjoxMTUsXCJCXCI6MTE1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I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0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I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TYzLFwiR1wiOjk5LFwiQlwiOjE5NX19LFwiSXNWaXNpYmxlXCI6dHJ1ZSxcIldpZHRoXCI6MC4wLFwiSGVpZ2h0XCI6MTA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ZmFsc2UsXCJJc0l0YWxpY1wiOmZhbHNlLFwiSXNVbmRlcmxpbmVkXCI6ZmFsc2V9LFwiRm9yZWdyb3VuZFwiOntcIiRpZFwiOlwiMzM5XCIsXCJDb2xvclwiOntcIiRpZFwiOlwiMzQwXCIsXCJBXCI6MjU1LFwiUlwiOjI1NSxcIkdcIjoyNTUsXCJCXCI6MjU1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ZmFsc2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AsXCJTaGFwZVNpemVcIjoxLFwiRGV0YWlsc1NwYWNpbmdcIjox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TI3LFwiUlwiOjExMSxcIkdcIjo0OSxcIkJcIjoxNTJ9fSxcIklzVmlzaWJsZVwiOnRydWUsXCJXaWR0aFwiOjE4LjAsXCJIZWlnaHRcIjoyM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C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ViMTczYzNmLTYyYWMtNDYyZi05MWZiLTNlNTc1MjhlZDE5MlwiLFwiTmFtZVwiOlwiU3dpbWxhbmUgU3R5bGUgM1wiLFwiSGVhZGVyU3R5bGVcIjp7XCIkaWRcIjpcIjM2OVwiLFwiVGV4dFN0eWxlXCI6e1wiJGlkXCI6XCIzNzBcIixcIkZvbnRTZXR0aW5nc1wiOntcIiRpZFwiOlwiMzcxXCIsXCJGb250U2l6ZVwiOjEyLFwiRm9udE5hbWVcIjpcIkNhbGlicmlcIixcIklzQm9sZFwiOmZhbHNlLFwiSXNJdGFsaWNcIjpmYWxzZSxcIklzVW5kZXJsaW5lZFwiOmZhbHNlfSxcIkZvcmVncm91bmRcIjp7XCIkaWRcIjpcIjM3MlwiLFwiQ29sb3JcIjp7XCIkaWRcIjpcIjM3M1wiLFwiQVwiOjI1NSxcIlJcIjozMixcIkdcIjo1NixcIkJcIjoxMDB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xMjcsXCJSXCI6MjQwLFwiR1wiOjEwMCxcIkJcIjo0N319LFwiSXNWaXNpYmxlXCI6ZmFsc2UsXCJXaWR0aFwiOjAuMCxcIkhlaWdodFwiOjAuMCxcIkJvcmRlclN0eWxlXCI6e1wiJGlkXCI6XCIzNzlcIixcIkxpbmVTdHlsZVwiOntcIiRpZFwiOlwiMzgwXCIsXCJMaW5lQ29sb3JcIjp7XCIkaWRcIjpcIjM4MVwiLFwiQ29sb3JcIjp7XCIkaWRcIjpcIjM4MlwiLFwiQVwiOjI1NSxcIlJcIjoyNTUsXCJHXCI6MCxcIkJcIjow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MzgsXCJSXCI6MCxcIkdcIjowLFwiQlwiOjB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wLjAsXCJMaW5lVHlwZVwiOjB9LFwiSXNWaXNpYmxlXCI6ZmFsc2V9fSxcIklzQWJvdmVUaW1lYmFuZFwiOmZhbHNlLFwiU3BhY2luZ1wiOjU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I0MCxcIkdcIjoxMDAsXCJCXCI6NDd9fSxcIklzVmlzaWJsZVwiOnRydW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MzgsXCJSXCI6MCxcIkdcIjowLFwiQlwiOj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ixcIkRhdGVQb3NpdGlvblwiOjAsXCJTaGFwZVR5cGVcIjowLFwiU2hhcGVTaXplXCI6MS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EyNyxcIlJcIjoyNDAsXCJHXCI6MTAwLFwiQlwiOjQ3fX0sXCJJc1Zpc2libGVcIjp0cnVlLFwiV2lkdGhcIjoxOC4wLFwiSGVpZ2h0XCI6MjA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dHJ1ZSxcIklzSXRhbGljXCI6ZmFsc2UsXCJJc1VuZGVybGluZWRcIjpmYWxzZX0sXCJGb3JlZ3JvdW5kXCI6e1wiJGlkXCI6XCI0MjhcIixcIkNvbG9yXCI6e1wiJGlkXCI6XCI0MjlcIixcIkFcIjoyNTUsXCJSXCI6MCxcIkdcIjowLFwiQlwiOjB9fSxcIkhvcml6b250YWxBbGlnbm1lbnRcIjox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Y4LFwiR1wiOjg0LFwiQlwiOjEwNn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0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xOTIsXCJHXCI6ODAsXCJCXCI6Nzd9fSxcIkhvcml6b250YWxBbGlnbm1lbnRcIjox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AsXCJFbmREYXRlUG9zaXRpb25cIjowLFwiVGl0bGVQb3NpdGlvblwiOjI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I3LFwiR1wiOjExNixcIkJcIjoyMn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I1NSxcIkdcIjoyNTUsXCJCXCI6MjU1fX0sXCJIb3Jpem9udGFsQWxpZ25tZW50XCI6MS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OCxcIkdcIjo4NCxcIkJcIjoxMDZ9fSxcIkhvcml6b250YWxBbGlnbm1lbnRcIjowLFwiSXNWaXNpYmxlXCI6ZmFsc2V9LFwiRGF0ZUZvcm1hdFwiOntcIiRpZFwiOlwiNDY2XCIsXCJGb3JtYXRTdHJpbmdcIjpcIk1NTSBkXCIsXCJTZXBhcmF0b3JcIjpcIi9cIixcIlVzZUludGVybmF0aW9uYWxEYXRlRm9ybWF0XCI6ZmFsc2UsXCJEYXRlSXNWaXNpYmxlXCI6ZmFsc2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A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TI3LFwiUlwiOjI0MCxcIkdcIjoxMDAsXCJCXCI6NDd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0cnV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xMjcsXCJSXCI6MjU0LFwiR1wiOjE4NixcIkJcIjoxMH19LFwiSXNWaXNpYmxlXCI6ZmFsc2UsXCJXaWR0aFwiOjAuMCxcIkhlaWdodFwiOjAuMCxcIkJvcmRlclN0eWxlXCI6e1wiJGlkXCI6XCI1MDBcIixcIkxpbmVTdHlsZVwiOntcIiRpZFwiOlwiNTAxXCIsXCJMaW5lQ29sb3JcIjp7XCIkaWRcIjpcIjUwMlwiLFwiQ29sb3JcIjp7XCIkaWRcIjpcIjUwM1wiLFwiQVwiOjI1NSxcIlJcIjoyNTUsXCJHXCI6MCxcIkJcIjow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MzgsXCJSXCI6MCxcIkdcIjowLFwiQlwiOj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I1NCxcIkdcIjoxODYsXCJCXCI6MTB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zgsXCJSXCI6MCxcIkdcIjowLFwiQlwiOj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wLjAsXCJMaW5lVHlwZVwiOjB9LFwiSXNWaXNpYmxlXCI6ZmFsc2V9fX0sXCJEZWZhdWx0U3dpbWxhbmVNaWxlc3RvbmVTdHlsZVwiOntcIiRpZFwiOlwiNTM3XCIsXCJUaXRsZVBvc2l0aW9uXCI6MixcIkRhdGVQb3NpdGlvblwiOjAsXCJTaGFwZVR5cGVcIjowLFwiU2hhcGVTaXplXCI6MS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EyNyxcIlJcIjoyNTQsXCJHXCI6MTg2LFwiQlwiOjEwfX0sXCJJc1Zpc2libGVcIjp0cnVlLFwiV2lkdGhcIjoxOC4wLFwiSGVpZ2h0XCI6MjA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dHJ1ZSxcIklzSXRhbGljXCI6ZmFsc2UsXCJJc1VuZGVybGluZWRcIjpmYWxzZX0sXCJGb3JlZ3JvdW5kXCI6e1wiJGlkXCI6XCI1NDlcIixcIkNvbG9yXCI6e1wiJGlkXCI6XCI1NTBcIixcIkFcIjoyNTUsXCJSXCI6MCxcIkdcIjowLFwiQlwiOjB9fSxcIkhvcml6b250YWxBbGlnbm1lbnRcIjox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Y4LFwiR1wiOjg0LFwiQlwiOjEwN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0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xOTIsXCJHXCI6ODAsXCJCXCI6Nzd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AsXCJFbmREYXRlUG9zaXRpb25cIjowLFwiVGl0bGVQb3NpdGlvblwiOjIsXCJEdXJhdGlvblBvc2l0aW9uXCI6MCxcIlBlcmNlbnRhZ2VDb21wbGV0ZWRQb3NpdGlvblwiOjIsXCJTcGFjaW5nXCI6NS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xNzgsXCJSXCI6MjI4LFwiR1wiOjIxMixcIkJcIjozMX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I1NSxcIkdcIjoyNTUsXCJCXCI6MjU1fX0sXCJIb3Jpem9udGFsQWxpZ25tZW50XCI6MS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2OCxcIkdcIjo4NCxcIkJcIjoxMDZ9fSxcIkhvcml6b250YWxBbGlnbm1lbnRcIjowLFwiSXNWaXNpYmxlXCI6ZmFsc2V9LFwiRGF0ZUZvcm1hdFwiOntcIiRpZFwiOlwiNTg3XCIsXCJGb3JtYXRTdHJpbmdcIjpcIk1NTSBkXCIsXCJTZXBhcmF0b3JcIjpcIi9cIixcIlVzZUludGVybmF0aW9uYWxEYXRlRm9ybWF0XCI6ZmFsc2UsXCJEYXRlSXNWaXNpYmxlXCI6ZmFsc2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AsXCJTaGFwZVNpemVcIjoxLFwiRGV0YWlsc1NwYWNpbmdcIjoxLjAsXCJQYWRkaW5nXCI6e1wiJGlkXCI6XCI1OTBcIixcIlRvcFwiOjc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TI3LFwiUlwiOjI1NCxcIkdcIjoxODYsXCJCXCI6MTB9fSxcIklzVmlzaWJsZVwiOnRydWUsXCJXaWR0aFwiOjE4LjAsXCJIZWlnaHRcIjoyMC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SxcIkZvbnROYW1lXCI6XCJDYWxpYnJpXCIsXCJJc0JvbGRcIjp0cnV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jgsXCJHXCI6ODQsXCJCXCI6MTA2fX0sXCJIb3Jpem9udGFsQWxpZ25tZW50XCI6MC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yMixcIkdcIjo1MCxcIkJcIjo1MH19LFwiTGluZVdlaWdodFwiOjIuMCxcIkxpbmVUeXBlXCI6MH19LFwiUGFuZWxzU3BhY2luZ0RlZmluaXRpb25cIjp7XCIkaWRcIjpcIjYzNFwiLFwiU3BhY2luZ0Fib3ZlVGltZWJhbmRcIjoxNixcIlNwYWNpbmdCZWxvd1RpbWViYW5kXCI6MTYsXCJTcGFjaW5nQWJvdmVCZXR3ZWVuU3dpbWxhbmVzQW5kVGFza3NcIjoxNixcIlNwYWNpbmdCZWxvd0JldHdlZW5Td2ltbGFuZXNBbmRUYXNrc1wiOjE2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NTIzIiwiVXNlVGltZSI6ZmFsc2UsIldvcmtEYXlTdGFydCI6IjAwOjAwOjAwIiwiV29ya0RheUVuZCI6IjIzOjU5OjAwIn0sIkxhc3RVc2VkVGVtcGxhdGVJZCI6ImU2OWI2YzRmLTQ1ZmUtNGUyYS05YTQ4LTUxMDZkYTczZTBhNCIsIkxhc3RVc2VkVGhlbWVEZXRhaWxzIjp7IiRpZCI6IjI1MjQiLCJJZCI6IjVlZjc3MWZkLWQ3NDEtNGEyZC05YjI5LWM2ZmE1YzgzM2Q2NSIsIlRpdGxlIjoiVW50aXRsZWQgdGhlbWUiLCJDYXRlZ29yeSI6Mn0sIkZpcnN0V2Vla09mWWVhciI6MCwiUGxhY2VNaWxlc3RvbmVBdFRoZUJlZ2lubmluZ09mVGhlRGF5IjpmYWxzZSwiRGVwZW5kZW5jeVNjaGVkdWxpbmdTZXR0aW5ncyI6eyIkaWQiOiIyNTI1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30"/>
  <p:tag name="OTLTIMEBANDSHAPEPADDINGLEFT" val="0"/>
  <p:tag name="OTLTIMEBANDAUTODATERANGE" val="False"/>
  <p:tag name="OTLTIMEBANDSTARTDATE" val="2024-07-01T00:00:00.0000000"/>
  <p:tag name="OTLTIMEBANDENDDATE" val="2025-09-30T11:59:00.000000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1"/>
  <p:tag name="OTLDATE" val="2024-12-27T11:59:00.0000000"/>
  <p:tag name="OTLRELATEDTASKID" val="b73ad387-23d8-4eb9-9574-edc4c455c3b0"/>
  <p:tag name="OTLPOSITIONONTASK" val="Above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2"/>
  <p:tag name="OTLDATE" val="2025-03-27T11:59:00.0000000"/>
  <p:tag name="OTLPOSITIONONTASK" val="Center"/>
  <p:tag name="OTLRELATEDTASKID" val="b73ad387-23d8-4eb9-9574-edc4c455c3b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3"/>
  <p:tag name="OTLDATE" val="2025-07-05T11:59:00.0000000"/>
  <p:tag name="OTLPOSITIONONTASK" val="Center"/>
  <p:tag name="OTLRELATEDTASKID" val="b73ad387-23d8-4eb9-9574-edc4c455c3b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12-15T00:00:00.0000000Z"/>
  <p:tag name="OTLENDDATE" val="2025-09-15T11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08-20T00:00:00.0000000Z"/>
  <p:tag name="OTLENDDATE" val="2024-11-23T11:5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2-18T00:00:00.0000000Z"/>
  <p:tag name="OTLENDDATE" val="2025-04-04T11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09-29T00:00:00.0000000Z"/>
  <p:tag name="OTLENDDATE" val="2025-01-29T11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5-01T00:00:00.0000000Z"/>
  <p:tag name="OTLENDDATE" val="2025-07-30T11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07-14T00:00:00.0000000Z"/>
  <p:tag name="OTLENDDATE" val="2024-11-03T11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12-25T00:00:00.0000000Z"/>
  <p:tag name="OTLENDDATE" val="2025-05-10T11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30T00:00:00.0000000Z"/>
  <p:tag name="OTLENDDATE" val="2025-09-27T11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09-01T00:00:00.0000000Z"/>
  <p:tag name="OTLENDDATE" val="2024-12-12T11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10-19T00:00:00.0000000Z"/>
  <p:tag name="OTLENDDATE" val="2025-03-07T11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3-29T00:00:00.0000000Z"/>
  <p:tag name="OTLENDDATE" val="2025-08-08T11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3-23T00:00:00.0000000Z"/>
  <p:tag name="OTLENDDATE" val="2025-07-03T11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10-26T00:00:00.0000000Z"/>
  <p:tag name="OTLENDDATE" val="2024-12-11T11:59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5-03T00:00:00.0000000Z"/>
  <p:tag name="OTLENDDATE" val="2025-08-09T11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12-22T00:00:00.0000000Z"/>
  <p:tag name="OTLENDDATE" val="2025-04-04T11:59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08-07T00:00:00.0000000Z"/>
  <p:tag name="OTLENDDATE" val="2024-12-25T11:59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7-03T00:00:00.0000000Z"/>
  <p:tag name="OTLENDDATE" val="2025-09-26T11:59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HAPETHICKNESSTYPE" val="Thin"/>
  <p:tag name="OTLWEEKNUMBERINGFORMAT" val="WNFormat1"/>
  <p:tag name="OTLWEEKNUMBERINGISVISIBLE" val="False"/>
  <p:tag name="OTLSTARTDATE" val="2025-04-06T00:00:00.0000000Z"/>
  <p:tag name="OTLENDDATE" val="2025-06-23T11:59:00.0000000Z"/>
  <p:tag name="OTLSPACING" val="5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HAPETHICKNESSTYPE" val="Thin"/>
  <p:tag name="OTLWEEKNUMBERINGFORMAT" val="WNFormat1"/>
  <p:tag name="OTLWEEKNUMBERINGISVISIBLE" val="False"/>
  <p:tag name="OTLSTARTDATE" val="2024-12-04T00:00:00.0000000Z"/>
  <p:tag name="OTLENDDATE" val="2025-03-19T11:59:00.0000000Z"/>
  <p:tag name="OTLSPACING" val="5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HAPETHICKNESSTYPE" val="Thin"/>
  <p:tag name="OTLWEEKNUMBERINGFORMAT" val="WNFormat1"/>
  <p:tag name="OTLWEEKNUMBERINGISVISIBLE" val="False"/>
  <p:tag name="OTLSTARTDATE" val="2025-05-05T00:00:00.0000000Z"/>
  <p:tag name="OTLENDDATE" val="2025-08-14T11:59:00.0000000Z"/>
  <p:tag name="OTLSPACING" val="5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HAPETHICKNESSTYPE" val="Thin"/>
  <p:tag name="OTLWEEKNUMBERINGFORMAT" val="WNFormat1"/>
  <p:tag name="OTLWEEKNUMBERINGISVISIBLE" val="False"/>
  <p:tag name="OTLSTARTDATE" val="2024-08-09T00:00:00.0000000Z"/>
  <p:tag name="OTLENDDATE" val="2024-11-22T11:59:00.0000000Z"/>
  <p:tag name="OTLSPACING" val="5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 Check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18T11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fram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2-05T11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quip Docs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2-02T11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nramp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5-21T11:59:00.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9</Words>
  <Application>Microsoft Office PowerPoint</Application>
  <PresentationFormat>Widescreen</PresentationFormat>
  <Paragraphs>8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3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2:10Z</dcterms:created>
  <dcterms:modified xsi:type="dcterms:W3CDTF">2024-10-24T07:08:16Z</dcterms:modified>
</cp:coreProperties>
</file>